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8-PRESUPUESTO 2025\00 - EJECUCION PRESUPUESTARIA MENSUAL\10 OCTUBRE\PAGINA WEB\"/>
    </mc:Choice>
  </mc:AlternateContent>
  <bookViews>
    <workbookView xWindow="32760" yWindow="32760" windowWidth="15600" windowHeight="11505"/>
  </bookViews>
  <sheets>
    <sheet name="Ingresos" sheetId="58" r:id="rId1"/>
    <sheet name="GRUPO DE GASTOS" sheetId="48" r:id="rId2"/>
    <sheet name="Por Prog-Subpr" sheetId="49" r:id="rId3"/>
    <sheet name="Por Objeto de Gasto" sheetId="65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XX17">[1]CONSUMO!#REF!</definedName>
    <definedName name="_xlnm.Print_Area" localSheetId="4">'Anexo del Personal'!$A$1:$I$14</definedName>
    <definedName name="_xlnm.Print_Area" localSheetId="1">'GRUPO DE GASTOS'!$A$1:$L$29</definedName>
    <definedName name="_xlnm.Print_Area" localSheetId="0">Ingresos!$A$1:$F$44</definedName>
    <definedName name="_xlnm.Print_Area" localSheetId="3">'Por Objeto de Gasto'!$A$1:$H$123</definedName>
    <definedName name="_xlnm.Print_Area" localSheetId="2">'Por Prog-Subpr'!$A$1:$E$33</definedName>
    <definedName name="asa">[2]CONSUMO!#REF!</definedName>
    <definedName name="_xlnm.Database" localSheetId="0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>[2]CONSUMO!#REF!</definedName>
    <definedName name="datos_10" localSheetId="4">[2]CONSUMO!#REF!</definedName>
    <definedName name="datos_10">[2]CONSUMO!#REF!</definedName>
    <definedName name="datos_12" localSheetId="4">[4]CONSUMO!#REF!</definedName>
    <definedName name="datos_12">[4]CONSUMO!#REF!</definedName>
    <definedName name="datos_13" localSheetId="4">[4]CONSUMO!#REF!</definedName>
    <definedName name="datos_13">[4]CONSUMO!#REF!</definedName>
    <definedName name="datos_14" localSheetId="4">[4]CONSUMO!#REF!</definedName>
    <definedName name="datos_14">[4]CONSUMO!#REF!</definedName>
    <definedName name="datos_15" localSheetId="4">[4]CONSUMO!#REF!</definedName>
    <definedName name="datos_15">[4]CONSUMO!#REF!</definedName>
    <definedName name="datos_16" localSheetId="4">[4]CONSUMO!#REF!</definedName>
    <definedName name="datos_16">[4]CONSUMO!#REF!</definedName>
    <definedName name="datos_5" localSheetId="4">[5]CONSUMO!#REF!</definedName>
    <definedName name="datos_5">[5]CONSUMO!#REF!</definedName>
    <definedName name="datos_8" localSheetId="4">[2]CONSUMO!#REF!</definedName>
    <definedName name="datos_8">[2]CONSUMO!#REF!</definedName>
    <definedName name="datos_9" localSheetId="4">[2]CONSUMO!#REF!</definedName>
    <definedName name="datos_9">[2]CONSUMO!#REF!</definedName>
    <definedName name="Excel_BuiltIn_Database" localSheetId="4">#REF!</definedName>
    <definedName name="Excel_BuiltIn_Database">#REF!</definedName>
    <definedName name="Excel_BuiltIn_Database_12" localSheetId="4">#REF!</definedName>
    <definedName name="Excel_BuiltIn_Database_12">#REF!</definedName>
    <definedName name="Excel_BuiltIn_Database_13" localSheetId="4">#REF!</definedName>
    <definedName name="Excel_BuiltIn_Database_13">#REF!</definedName>
    <definedName name="Excel_BuiltIn_Database_14" localSheetId="4">#REF!</definedName>
    <definedName name="Excel_BuiltIn_Database_14">#REF!</definedName>
    <definedName name="Excel_BuiltIn_Database_15" localSheetId="4">#REF!</definedName>
    <definedName name="Excel_BuiltIn_Database_15">#REF!</definedName>
    <definedName name="Excel_BuiltIn_Database_16" localSheetId="4">#REF!</definedName>
    <definedName name="Excel_BuiltIn_Database_16">#REF!</definedName>
    <definedName name="Excel_BuiltIn_Database_5" localSheetId="4">#REF!</definedName>
    <definedName name="Excel_BuiltIn_Database_5">#REF!</definedName>
    <definedName name="FF">[2]CONSUMO!#REF!</definedName>
    <definedName name="hhh" localSheetId="4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$1:$3</definedName>
    <definedName name="_xlnm.Print_Titles" localSheetId="3">'Por Objeto de Gasto'!$1:$8</definedName>
    <definedName name="xx" localSheetId="4">[1]CONSUMO!#REF!</definedName>
    <definedName name="xx" localSheetId="0">[1]CONSUMO!#REF!</definedName>
    <definedName name="xx">[1]CONSUMO!#REF!</definedName>
    <definedName name="xx_1" localSheetId="4">[1]CONSUMO!#REF!</definedName>
    <definedName name="xx_1">[1]CONSUMO!#REF!</definedName>
    <definedName name="xx_10" localSheetId="4">[1]CONSUMO!#REF!</definedName>
    <definedName name="xx_10">[1]CONSUMO!#REF!</definedName>
    <definedName name="xx_13" localSheetId="4">[1]CONSUMO!#REF!</definedName>
    <definedName name="xx_13">[1]CONSUMO!#REF!</definedName>
    <definedName name="xx_14" localSheetId="4">[1]CONSUMO!#REF!</definedName>
    <definedName name="xx_14">[1]CONSUMO!#REF!</definedName>
    <definedName name="xx_15" localSheetId="4">[1]CONSUMO!#REF!</definedName>
    <definedName name="xx_15">[1]CONSUMO!#REF!</definedName>
    <definedName name="xx_16" localSheetId="4">[1]CONSUMO!#REF!</definedName>
    <definedName name="xx_16">[1]CONSUMO!#REF!</definedName>
    <definedName name="xx_8" localSheetId="4">[1]CONSUMO!#REF!</definedName>
    <definedName name="xx_8">[1]CONSUMO!#REF!</definedName>
    <definedName name="xx_9" localSheetId="4">[1]CONSUMO!#REF!</definedName>
    <definedName name="xx_9">[1]CONSUMO!#REF!</definedName>
    <definedName name="Z_21D6481E_598B_48E6_9283_F3828EC0B857_.wvu.PrintArea" localSheetId="0" hidden="1">Ingresos!$A$1:$A$42</definedName>
    <definedName name="Z_21D6481E_598B_48E6_9283_F3828EC0B857_.wvu.PrintTitles" localSheetId="0" hidden="1">Ingresos!$A:$A,Ingresos!$1:$42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1:$A$42</definedName>
    <definedName name="Z_2B9772C5_53CE_4F97_9968_ACFE64B71936_.wvu.PrintTitles" localSheetId="0" hidden="1">Ingresos!$A:$A,Ingresos!$1:$42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1:$E$43</definedName>
    <definedName name="Z_3110F4FE_9BEE_4CAB_AC42_412ECDE4641E_.wvu.PrintTitles" localSheetId="0" hidden="1">Ingresos!$A:$A,Ingresos!$1:$42</definedName>
    <definedName name="Z_58949581_DA5F_4F95_865C_EB809DB677FB_.wvu.PrintArea" localSheetId="0" hidden="1">Ingresos!$A$1:$D$43</definedName>
    <definedName name="Z_58949581_DA5F_4F95_865C_EB809DB677FB_.wvu.PrintTitles" localSheetId="0" hidden="1">Ingresos!$A:$A,Ingresos!$1:$42</definedName>
    <definedName name="Z_88200AA8_E94B_4FE6_A6CB_57A3B4B9162A_.wvu.Cols" localSheetId="0" hidden="1">Ingresos!$C:$D</definedName>
    <definedName name="Z_88200AA8_E94B_4FE6_A6CB_57A3B4B9162A_.wvu.PrintArea" localSheetId="0" hidden="1">Ingresos!$A$1:$E$43</definedName>
    <definedName name="Z_88200AA8_E94B_4FE6_A6CB_57A3B4B9162A_.wvu.PrintTitles" localSheetId="0" hidden="1">Ingresos!$A:$A,Ingresos!$1:$42</definedName>
    <definedName name="Z_A0127ABF_7D01_48B8_B7F5_AF26D0B1AE7E_.wvu.Cols" localSheetId="0" hidden="1">Ingresos!$C:$D</definedName>
    <definedName name="Z_A0127ABF_7D01_48B8_B7F5_AF26D0B1AE7E_.wvu.PrintArea" localSheetId="0" hidden="1">Ingresos!$A$1:$E$43</definedName>
    <definedName name="Z_A0127ABF_7D01_48B8_B7F5_AF26D0B1AE7E_.wvu.PrintTitles" localSheetId="0" hidden="1">Ingresos!$A:$A,Ingresos!$1:$42</definedName>
    <definedName name="Z_C111CF17_5A57_4C1E_8FCC_779836B99692_.wvu.Cols" localSheetId="0" hidden="1">Ingresos!$C:$D</definedName>
    <definedName name="Z_C111CF17_5A57_4C1E_8FCC_779836B99692_.wvu.PrintArea" localSheetId="0" hidden="1">Ingresos!$A$1:$E$43</definedName>
    <definedName name="Z_C111CF17_5A57_4C1E_8FCC_779836B99692_.wvu.PrintTitles" localSheetId="0" hidden="1">Ingresos!$A:$A,Ingresos!$1:$42</definedName>
    <definedName name="Z_E18D3262_AEE3_4A15_A6B2_D6477EEAB063_.wvu.PrintArea" localSheetId="0" hidden="1">Ingresos!$A$1:$D$43</definedName>
    <definedName name="Z_E18D3262_AEE3_4A15_A6B2_D6477EEAB063_.wvu.PrintTitles" localSheetId="0" hidden="1">Ingresos!$A:$A,Ingresos!$1:$42</definedName>
    <definedName name="Z_FF463FF4_16A9_48CA_9F67_D6C4B73D9118_.wvu.Cols" localSheetId="0" hidden="1">Ingresos!$C:$D</definedName>
    <definedName name="Z_FF463FF4_16A9_48CA_9F67_D6C4B73D9118_.wvu.PrintArea" localSheetId="0" hidden="1">Ingresos!$A$1:$E$43</definedName>
    <definedName name="Z_FF463FF4_16A9_48CA_9F67_D6C4B73D9118_.wvu.PrintTitles" localSheetId="0" hidden="1">Ingresos!$A:$A,Ingresos!$1:$42</definedName>
  </definedNames>
  <calcPr calcId="162913"/>
</workbook>
</file>

<file path=xl/calcChain.xml><?xml version="1.0" encoding="utf-8"?>
<calcChain xmlns="http://schemas.openxmlformats.org/spreadsheetml/2006/main">
  <c r="H13" i="44" l="1"/>
  <c r="E125" i="65"/>
  <c r="F125" i="65"/>
  <c r="G125" i="65"/>
  <c r="H121" i="65" l="1"/>
  <c r="G120" i="65"/>
  <c r="H117" i="65"/>
  <c r="H111" i="65"/>
  <c r="H112" i="65"/>
  <c r="H96" i="65"/>
  <c r="G99" i="65"/>
  <c r="H100" i="65"/>
  <c r="H104" i="65"/>
  <c r="G107" i="65"/>
  <c r="H108" i="65"/>
  <c r="G103" i="65"/>
  <c r="G95" i="65"/>
  <c r="H61" i="65"/>
  <c r="H62" i="65"/>
  <c r="H65" i="65"/>
  <c r="H66" i="65"/>
  <c r="H69" i="65"/>
  <c r="G74" i="65"/>
  <c r="H77" i="65"/>
  <c r="H78" i="65"/>
  <c r="H81" i="65"/>
  <c r="H82" i="65"/>
  <c r="H85" i="65"/>
  <c r="H87" i="65"/>
  <c r="H89" i="65"/>
  <c r="H73" i="65"/>
  <c r="H58" i="65"/>
  <c r="G27" i="65"/>
  <c r="H31" i="65"/>
  <c r="G35" i="65"/>
  <c r="H39" i="65"/>
  <c r="H43" i="65"/>
  <c r="G47" i="65"/>
  <c r="G51" i="65"/>
  <c r="H55" i="65"/>
  <c r="H53" i="65"/>
  <c r="H49" i="65"/>
  <c r="H45" i="65"/>
  <c r="H41" i="65"/>
  <c r="G37" i="65"/>
  <c r="H33" i="65"/>
  <c r="H29" i="65"/>
  <c r="G25" i="65"/>
  <c r="G11" i="65"/>
  <c r="H13" i="65"/>
  <c r="G15" i="65"/>
  <c r="G17" i="65"/>
  <c r="G21" i="65"/>
  <c r="H19" i="65"/>
  <c r="H11" i="65"/>
  <c r="D28" i="49"/>
  <c r="E25" i="49"/>
  <c r="D24" i="49"/>
  <c r="E21" i="49"/>
  <c r="D20" i="49"/>
  <c r="D16" i="49"/>
  <c r="D13" i="49"/>
  <c r="D12" i="49"/>
  <c r="E7" i="49"/>
  <c r="O26" i="48"/>
  <c r="D23" i="48"/>
  <c r="Q22" i="48" s="1"/>
  <c r="D9" i="48"/>
  <c r="O7" i="48" s="1"/>
  <c r="E16" i="58"/>
  <c r="E14" i="58"/>
  <c r="E12" i="58"/>
  <c r="E10" i="58"/>
  <c r="E8" i="58"/>
  <c r="D41" i="58"/>
  <c r="E32" i="49"/>
  <c r="E30" i="49"/>
  <c r="E29" i="49"/>
  <c r="E28" i="49"/>
  <c r="E27" i="49"/>
  <c r="E26" i="49"/>
  <c r="E24" i="49"/>
  <c r="E23" i="49"/>
  <c r="E22" i="49"/>
  <c r="E19" i="49"/>
  <c r="E18" i="49"/>
  <c r="E17" i="49"/>
  <c r="E16" i="49"/>
  <c r="E15" i="49"/>
  <c r="E14" i="49"/>
  <c r="E13" i="49"/>
  <c r="E12" i="49"/>
  <c r="E10" i="49"/>
  <c r="E9" i="49"/>
  <c r="E8" i="49"/>
  <c r="E6" i="49"/>
  <c r="E5" i="49"/>
  <c r="H122" i="65"/>
  <c r="H120" i="65"/>
  <c r="H118" i="65"/>
  <c r="H116" i="65"/>
  <c r="H115" i="65"/>
  <c r="H114" i="65"/>
  <c r="H109" i="65"/>
  <c r="H107" i="65"/>
  <c r="H106" i="65"/>
  <c r="H105" i="65"/>
  <c r="H103" i="65"/>
  <c r="H102" i="65"/>
  <c r="H101" i="65"/>
  <c r="H99" i="65"/>
  <c r="H98" i="65"/>
  <c r="H97" i="65"/>
  <c r="H95" i="65"/>
  <c r="H94" i="65"/>
  <c r="H92" i="65"/>
  <c r="H91" i="65"/>
  <c r="H90" i="65"/>
  <c r="H88" i="65"/>
  <c r="H86" i="65"/>
  <c r="H84" i="65"/>
  <c r="H83" i="65"/>
  <c r="H80" i="65"/>
  <c r="H79" i="65"/>
  <c r="H76" i="65"/>
  <c r="H75" i="65"/>
  <c r="H74" i="65"/>
  <c r="H72" i="65"/>
  <c r="H71" i="65"/>
  <c r="H70" i="65"/>
  <c r="H68" i="65"/>
  <c r="H67" i="65"/>
  <c r="H64" i="65"/>
  <c r="H63" i="65"/>
  <c r="H60" i="65"/>
  <c r="H59" i="65"/>
  <c r="H56" i="65"/>
  <c r="H54" i="65"/>
  <c r="H52" i="65"/>
  <c r="H51" i="65"/>
  <c r="H50" i="65"/>
  <c r="H48" i="65"/>
  <c r="H46" i="65"/>
  <c r="H44" i="65"/>
  <c r="H42" i="65"/>
  <c r="H40" i="65"/>
  <c r="H38" i="65"/>
  <c r="H36" i="65"/>
  <c r="H35" i="65"/>
  <c r="H34" i="65"/>
  <c r="H32" i="65"/>
  <c r="H30" i="65"/>
  <c r="H28" i="65"/>
  <c r="H26" i="65"/>
  <c r="H24" i="65"/>
  <c r="H22" i="65"/>
  <c r="H20" i="65"/>
  <c r="H18" i="65"/>
  <c r="H17" i="65"/>
  <c r="H16" i="65"/>
  <c r="H14" i="65"/>
  <c r="H12" i="65"/>
  <c r="H10" i="65"/>
  <c r="E38" i="58"/>
  <c r="F38" i="58" s="1"/>
  <c r="E119" i="65"/>
  <c r="F119" i="65"/>
  <c r="D119" i="65"/>
  <c r="C119" i="65"/>
  <c r="G118" i="65"/>
  <c r="G117" i="65"/>
  <c r="G116" i="65"/>
  <c r="F113" i="65"/>
  <c r="D113" i="65"/>
  <c r="C113" i="65"/>
  <c r="G111" i="65"/>
  <c r="F110" i="65"/>
  <c r="D110" i="65"/>
  <c r="C110" i="65"/>
  <c r="G109" i="65"/>
  <c r="G105" i="65"/>
  <c r="G101" i="65"/>
  <c r="F93" i="65"/>
  <c r="D93" i="65"/>
  <c r="C93" i="65"/>
  <c r="G88" i="65"/>
  <c r="G87" i="65"/>
  <c r="G84" i="65"/>
  <c r="G83" i="65"/>
  <c r="G82" i="65"/>
  <c r="G79" i="65"/>
  <c r="G78" i="65"/>
  <c r="G72" i="65"/>
  <c r="G70" i="65"/>
  <c r="G66" i="65"/>
  <c r="G63" i="65"/>
  <c r="G62" i="65"/>
  <c r="F57" i="65"/>
  <c r="D57" i="65"/>
  <c r="C57" i="65"/>
  <c r="G52" i="65"/>
  <c r="G50" i="65"/>
  <c r="G40" i="65"/>
  <c r="G38" i="65"/>
  <c r="G34" i="65"/>
  <c r="G33" i="65"/>
  <c r="G30" i="65"/>
  <c r="G26" i="65"/>
  <c r="F23" i="65"/>
  <c r="D23" i="65"/>
  <c r="C23" i="65"/>
  <c r="G22" i="65"/>
  <c r="G18" i="65"/>
  <c r="G14" i="65"/>
  <c r="F9" i="65"/>
  <c r="D9" i="65"/>
  <c r="C9" i="65"/>
  <c r="C123" i="65" s="1"/>
  <c r="G102" i="65"/>
  <c r="G97" i="65"/>
  <c r="G112" i="65"/>
  <c r="G46" i="65"/>
  <c r="G54" i="65"/>
  <c r="G69" i="65"/>
  <c r="G68" i="65"/>
  <c r="G94" i="65"/>
  <c r="G13" i="65"/>
  <c r="G28" i="65"/>
  <c r="G36" i="65"/>
  <c r="G44" i="65"/>
  <c r="G59" i="65"/>
  <c r="G67" i="65"/>
  <c r="G75" i="65"/>
  <c r="G91" i="65"/>
  <c r="G98" i="65"/>
  <c r="G106" i="65"/>
  <c r="E40" i="58"/>
  <c r="F40" i="58" s="1"/>
  <c r="C29" i="48"/>
  <c r="B41" i="58"/>
  <c r="E20" i="58"/>
  <c r="E34" i="58"/>
  <c r="F34" i="58"/>
  <c r="H10" i="44"/>
  <c r="J11" i="44" s="1"/>
  <c r="E31" i="58"/>
  <c r="F31" i="58"/>
  <c r="B31" i="49"/>
  <c r="J14" i="44"/>
  <c r="B4" i="49"/>
  <c r="C4" i="49"/>
  <c r="C33" i="49" s="1"/>
  <c r="D5" i="49"/>
  <c r="D6" i="49"/>
  <c r="D8" i="49"/>
  <c r="D9" i="49"/>
  <c r="D10" i="49"/>
  <c r="C11" i="49"/>
  <c r="D14" i="49"/>
  <c r="D15" i="49"/>
  <c r="D17" i="49"/>
  <c r="D18" i="49"/>
  <c r="D19" i="49"/>
  <c r="D21" i="49"/>
  <c r="D22" i="49"/>
  <c r="D23" i="49"/>
  <c r="D25" i="49"/>
  <c r="D26" i="49"/>
  <c r="D27" i="49"/>
  <c r="D29" i="49"/>
  <c r="D30" i="49"/>
  <c r="C31" i="49"/>
  <c r="D32" i="49"/>
  <c r="D31" i="49" s="1"/>
  <c r="P7" i="48"/>
  <c r="P8" i="48"/>
  <c r="P9" i="48"/>
  <c r="D10" i="48"/>
  <c r="O8" i="48" s="1"/>
  <c r="E10" i="48"/>
  <c r="D11" i="48"/>
  <c r="O9" i="48" s="1"/>
  <c r="E11" i="48"/>
  <c r="C12" i="48"/>
  <c r="C35" i="49" s="1"/>
  <c r="O15" i="48"/>
  <c r="D16" i="48"/>
  <c r="D19" i="48" s="1"/>
  <c r="E16" i="48"/>
  <c r="O16" i="48"/>
  <c r="O18" i="48" s="1"/>
  <c r="P18" i="48" s="1"/>
  <c r="D17" i="48"/>
  <c r="E17" i="48"/>
  <c r="O17" i="48"/>
  <c r="D18" i="48"/>
  <c r="E18" i="48"/>
  <c r="B19" i="48"/>
  <c r="C19" i="48"/>
  <c r="O21" i="48"/>
  <c r="R21" i="48" s="1"/>
  <c r="P21" i="48"/>
  <c r="D22" i="48"/>
  <c r="Q21" i="48" s="1"/>
  <c r="E22" i="48"/>
  <c r="O22" i="48"/>
  <c r="P22" i="48"/>
  <c r="O23" i="48"/>
  <c r="P23" i="48"/>
  <c r="D24" i="48"/>
  <c r="Q23" i="48" s="1"/>
  <c r="S23" i="48" s="1"/>
  <c r="E24" i="48"/>
  <c r="O24" i="48"/>
  <c r="P24" i="48"/>
  <c r="D25" i="48"/>
  <c r="Q24" i="48" s="1"/>
  <c r="E25" i="48"/>
  <c r="O25" i="48"/>
  <c r="P25" i="48"/>
  <c r="D26" i="48"/>
  <c r="Q25" i="48" s="1"/>
  <c r="S25" i="48" s="1"/>
  <c r="E26" i="48"/>
  <c r="P26" i="48"/>
  <c r="O27" i="48"/>
  <c r="P27" i="48"/>
  <c r="D28" i="48"/>
  <c r="Q27" i="48" s="1"/>
  <c r="E28" i="48"/>
  <c r="B29" i="48"/>
  <c r="D8" i="58"/>
  <c r="D9" i="58"/>
  <c r="E9" i="58"/>
  <c r="D10" i="58"/>
  <c r="D11" i="58"/>
  <c r="E11" i="58"/>
  <c r="D12" i="58"/>
  <c r="D13" i="58"/>
  <c r="E13" i="58"/>
  <c r="D14" i="58"/>
  <c r="D15" i="58"/>
  <c r="E15" i="58"/>
  <c r="D16" i="58"/>
  <c r="D17" i="58"/>
  <c r="E17" i="58"/>
  <c r="D18" i="58"/>
  <c r="E18" i="58"/>
  <c r="B19" i="58"/>
  <c r="B21" i="58" s="1"/>
  <c r="C19" i="58"/>
  <c r="C21" i="58" s="1"/>
  <c r="D20" i="58"/>
  <c r="E29" i="58"/>
  <c r="F29" i="58" s="1"/>
  <c r="E30" i="58"/>
  <c r="F30" i="58" s="1"/>
  <c r="C41" i="58"/>
  <c r="E33" i="58"/>
  <c r="F33" i="58" s="1"/>
  <c r="E36" i="58"/>
  <c r="E35" i="58"/>
  <c r="F35" i="58"/>
  <c r="E37" i="58"/>
  <c r="E39" i="58"/>
  <c r="F39" i="58" s="1"/>
  <c r="E32" i="58"/>
  <c r="F32" i="58"/>
  <c r="G64" i="65"/>
  <c r="G86" i="65"/>
  <c r="G92" i="65"/>
  <c r="G122" i="65"/>
  <c r="G114" i="65"/>
  <c r="G90" i="65"/>
  <c r="G71" i="65"/>
  <c r="G12" i="65"/>
  <c r="G16" i="65"/>
  <c r="G32" i="65"/>
  <c r="G76" i="65"/>
  <c r="G80" i="65"/>
  <c r="F36" i="58"/>
  <c r="G24" i="65"/>
  <c r="G10" i="65"/>
  <c r="G42" i="65"/>
  <c r="G56" i="65"/>
  <c r="G49" i="65"/>
  <c r="G48" i="65"/>
  <c r="G60" i="65"/>
  <c r="G20" i="65"/>
  <c r="E9" i="65"/>
  <c r="H9" i="65" s="1"/>
  <c r="A10" i="44"/>
  <c r="G121" i="65"/>
  <c r="E113" i="65"/>
  <c r="H113" i="65" s="1"/>
  <c r="G115" i="65"/>
  <c r="E110" i="65"/>
  <c r="H110" i="65" s="1"/>
  <c r="G100" i="65"/>
  <c r="G96" i="65"/>
  <c r="G104" i="65"/>
  <c r="G108" i="65"/>
  <c r="E93" i="65"/>
  <c r="H93" i="65" s="1"/>
  <c r="G65" i="65"/>
  <c r="E57" i="65"/>
  <c r="G85" i="65"/>
  <c r="G58" i="65"/>
  <c r="G61" i="65"/>
  <c r="G73" i="65"/>
  <c r="G81" i="65"/>
  <c r="G77" i="65"/>
  <c r="G89" i="65"/>
  <c r="G43" i="65"/>
  <c r="G31" i="65"/>
  <c r="G39" i="65"/>
  <c r="H47" i="65"/>
  <c r="G55" i="65"/>
  <c r="H27" i="65"/>
  <c r="E23" i="65"/>
  <c r="H23" i="65" s="1"/>
  <c r="G53" i="65"/>
  <c r="G45" i="65"/>
  <c r="G29" i="65"/>
  <c r="G41" i="65"/>
  <c r="H25" i="65"/>
  <c r="H37" i="65"/>
  <c r="H21" i="65"/>
  <c r="A13" i="44"/>
  <c r="I13" i="44" s="1"/>
  <c r="G19" i="65"/>
  <c r="H15" i="65"/>
  <c r="E20" i="49"/>
  <c r="B11" i="49"/>
  <c r="E11" i="49" s="1"/>
  <c r="D7" i="49"/>
  <c r="D27" i="48"/>
  <c r="Q26" i="48" s="1"/>
  <c r="E23" i="48"/>
  <c r="E27" i="48"/>
  <c r="B12" i="48"/>
  <c r="B33" i="48" s="1"/>
  <c r="E9" i="48"/>
  <c r="F37" i="58"/>
  <c r="E31" i="49" l="1"/>
  <c r="D123" i="65"/>
  <c r="G119" i="65"/>
  <c r="E29" i="48"/>
  <c r="S24" i="48"/>
  <c r="I10" i="44"/>
  <c r="H119" i="65"/>
  <c r="G113" i="65"/>
  <c r="G110" i="65"/>
  <c r="G93" i="65"/>
  <c r="G57" i="65"/>
  <c r="H57" i="65"/>
  <c r="G23" i="65"/>
  <c r="G9" i="65"/>
  <c r="D11" i="49"/>
  <c r="B33" i="49"/>
  <c r="E33" i="49" s="1"/>
  <c r="D4" i="49"/>
  <c r="D33" i="49" s="1"/>
  <c r="C36" i="49"/>
  <c r="E4" i="49"/>
  <c r="R26" i="48"/>
  <c r="S26" i="48"/>
  <c r="S22" i="48"/>
  <c r="R25" i="48"/>
  <c r="R23" i="48"/>
  <c r="O28" i="48"/>
  <c r="D29" i="48"/>
  <c r="S27" i="48"/>
  <c r="R22" i="48"/>
  <c r="P28" i="48"/>
  <c r="R27" i="48"/>
  <c r="R24" i="48"/>
  <c r="P15" i="48"/>
  <c r="E19" i="48"/>
  <c r="P17" i="48"/>
  <c r="P16" i="48"/>
  <c r="C33" i="48"/>
  <c r="B34" i="48"/>
  <c r="P10" i="48"/>
  <c r="E21" i="58"/>
  <c r="D19" i="58"/>
  <c r="D21" i="58" s="1"/>
  <c r="E19" i="58"/>
  <c r="E41" i="58"/>
  <c r="F41" i="58" s="1"/>
  <c r="S21" i="48"/>
  <c r="Q28" i="48"/>
  <c r="O10" i="48"/>
  <c r="C34" i="48"/>
  <c r="B35" i="49"/>
  <c r="B36" i="49" s="1"/>
  <c r="D12" i="48"/>
  <c r="E12" i="48"/>
  <c r="E35" i="49" s="1"/>
  <c r="E123" i="65"/>
  <c r="F123" i="65"/>
  <c r="R28" i="48" l="1"/>
  <c r="S28" i="48"/>
  <c r="G123" i="65"/>
  <c r="E36" i="49"/>
  <c r="H123" i="65"/>
  <c r="D33" i="48"/>
  <c r="D34" i="48"/>
  <c r="D35" i="49"/>
  <c r="D36" i="49" s="1"/>
</calcChain>
</file>

<file path=xl/sharedStrings.xml><?xml version="1.0" encoding="utf-8"?>
<sst xmlns="http://schemas.openxmlformats.org/spreadsheetml/2006/main" count="299" uniqueCount="260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 xml:space="preserve">3.  CUADROS  DE EJECUCION DE GASTOS 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Registracion Publica de Marcas y Señales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CONSOLIDADO POR SUBGRUPO Y OBJETO DE GASTO (F.F. 10 + 30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PRESUPUESTO EJERCICIO FISCAL 2025</t>
  </si>
  <si>
    <t>FONDO DE RECATEGORIZACION SALARIAL</t>
  </si>
  <si>
    <t>CAPACITACION Y FORMACION LABORAL</t>
  </si>
  <si>
    <t>INDEMINIZACIONES</t>
  </si>
  <si>
    <t>(*) La Recaudación Estimada, corresponde a lo informado por el Dpto. de Ingresos Judiciales, por Nota NDIJ 53 de fecha 10/01/2025.</t>
  </si>
  <si>
    <t>(*) Lo relativo a Recursos Propios (343-10), corresponde al Saldo Inicial de Caja, conforrme a datos extraidos del Sistema  Integrado de Contabilidad (SICO).</t>
  </si>
  <si>
    <t xml:space="preserve">VIATICOS Y MOVILIDAD </t>
  </si>
  <si>
    <t xml:space="preserve">UTILES Y MATERIALES ELECTRICOS </t>
  </si>
  <si>
    <t>ENERO (***)</t>
  </si>
  <si>
    <t>FEBRERO (***)</t>
  </si>
  <si>
    <t>MARZO (***)</t>
  </si>
  <si>
    <t>TEXTOS DE ENSEÑANZA</t>
  </si>
  <si>
    <t>ABRIL (***)</t>
  </si>
  <si>
    <t>MODIFIC. (+/-)</t>
  </si>
  <si>
    <t xml:space="preserve">OTRAS OBRAS E INSTALACIONES DE INFRAESTRUCTURAS </t>
  </si>
  <si>
    <t>PRENDAS DE VESTIR</t>
  </si>
  <si>
    <t>CALZADOS</t>
  </si>
  <si>
    <t>MAYO (***)</t>
  </si>
  <si>
    <t xml:space="preserve">(*) Por Decreto N° 4015 de fecha 10/06/2025, fue autorizada la Ampliación de Créditos Presupuestarios por G.40.300.000.000.- con F.F. 30 - Recursos Institucionales. </t>
  </si>
  <si>
    <t>JUNIO (***)</t>
  </si>
  <si>
    <t>JULIO (***)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Ejecución Mensual del Anexo del Personal - Sueldos y Gastos de Representación</t>
  </si>
  <si>
    <t>DEUDAS PENDIENTES DE PAGO DE GASTOS CORRIENTES DE EJERCICIOS</t>
  </si>
  <si>
    <t>AGOSTO (***)</t>
  </si>
  <si>
    <t>SEPTIEMBRE (***)</t>
  </si>
  <si>
    <t xml:space="preserve">(***) Desde el mes de enero hasta octubre/2025, el Ingreso Real supero a la Recaudación Estimada en un 10, 8, 16, 10, 8,11, 32, 28 , 12% y 32% respectivamente.   </t>
  </si>
  <si>
    <r>
      <t>EJECUCIÓN PRESUPUESTARIA DE INGRESOS Y GASTOS - OCTUBRE</t>
    </r>
    <r>
      <rPr>
        <sz val="11"/>
        <rFont val="Arial Narrow"/>
        <family val="2"/>
      </rPr>
      <t xml:space="preserve"> (acumulada del 01/01/2025 al 31/10/2025)</t>
    </r>
  </si>
  <si>
    <t>211-10 Ventas de Activos Capital</t>
  </si>
  <si>
    <t>OCTUBRE (***)</t>
  </si>
  <si>
    <t xml:space="preserve">EJECUCION PRESUPUESTARIA DE GASTOS DEL 01/01/2025 AL 31/10/2025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r>
      <t xml:space="preserve">EJECUCIÓN PRESUPUESTARIA DE GASTOS - SEPTIEMBRE </t>
    </r>
    <r>
      <rPr>
        <i/>
        <sz val="10"/>
        <rFont val="Arial Narrow"/>
        <family val="2"/>
      </rPr>
      <t>(acumulada del 01/01/2025 al 31/10/2025)</t>
    </r>
  </si>
  <si>
    <r>
      <t>EJECUCIÓN PRESUPUESTARIA DE INGRESOS Y GASTOS - SEPTIEMBRE</t>
    </r>
    <r>
      <rPr>
        <sz val="11"/>
        <rFont val="Arial Narrow"/>
        <family val="2"/>
      </rPr>
      <t xml:space="preserve"> (acumulada del 01/01/2025 al 31/10/2025)</t>
    </r>
  </si>
  <si>
    <t xml:space="preserve">(*) Por Ley N° 7563 de fecha 10/10/2025, fue aprobada la Ampliación de Créditos Presupuestarios por Gs. 38.180.500.000.- con F.F. 30 - Recursos Institucionales. </t>
  </si>
  <si>
    <r>
      <t>(**) En la columna INGRESO REAL/PROMEDIO, los</t>
    </r>
    <r>
      <rPr>
        <b/>
        <sz val="11"/>
        <rFont val="Arial Narrow"/>
        <family val="2"/>
      </rPr>
      <t xml:space="preserve"> montos detallados desde enero al mes octubre/2025, corresponde a la recaudación efectiva según el informe mensual del Departamento de Ingresos Judiciales por Memorando  MDI N° 358, de fecha 04 de noviembre de 2025 ascendiendo a la suma de Gs. 433.461.469.090.- , </t>
    </r>
    <r>
      <rPr>
        <sz val="11"/>
        <rFont val="Arial Narrow"/>
        <family val="2"/>
      </rPr>
      <t xml:space="preserve">los meses siguientes detallan un promedio estadistico de recaudacion para el presente Ejercicio Fiscal. </t>
    </r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5" formatCode="&quot;Gs&quot;\ #,##0_);\(&quot;Gs&quot;\ #,##0\)"/>
    <numFmt numFmtId="41" formatCode="_(* #,##0_);_(* \(#,##0\);_(* &quot;-&quot;_);_(@_)"/>
    <numFmt numFmtId="43" formatCode="_(* #,##0.00_);_(* \(#,##0.00\);_(* &quot;-&quot;??_);_(@_)"/>
    <numFmt numFmtId="164" formatCode="#,##0.00\ &quot;€&quot;;[Red]\-#,##0.00\ &quot;€&quot;"/>
    <numFmt numFmtId="165" formatCode="_-* #,##0\ _€_-;\-* #,##0\ _€_-;_-* &quot;-&quot;\ _€_-;_-@_-"/>
    <numFmt numFmtId="166" formatCode="_-* #,##0.00\ _€_-;\-* #,##0.00\ _€_-;_-* &quot;-&quot;??\ _€_-;_-@_-"/>
    <numFmt numFmtId="167" formatCode="_ * #,##0_ ;_ * \-#,##0_ ;_ * &quot;-&quot;_ ;_ @_ "/>
    <numFmt numFmtId="168" formatCode="_ * #,##0.00_ ;_ * \-#,##0.00_ ;_ * &quot;-&quot;??_ ;_ @_ "/>
    <numFmt numFmtId="169" formatCode="&quot;$&quot;#,##0.00;\-&quot;$&quot;#,##0.00"/>
    <numFmt numFmtId="170" formatCode="_-* #,##0.00_-;\-* #,##0.00_-;_-* &quot;-&quot;??_-;_-@_-"/>
    <numFmt numFmtId="171" formatCode="_ [$€-2]\ * #,##0.00_ ;_ [$€-2]\ * \-#,##0.00_ ;_ [$€-2]\ * &quot;-&quot;??_ "/>
    <numFmt numFmtId="172" formatCode="_-* #,##0_-;\-* #,##0_-;_-* &quot;-&quot;??_-;_-@_-"/>
    <numFmt numFmtId="173" formatCode="_-* #,##0\ _€_-;\-* #,##0\ _€_-;_-* &quot;-&quot;??\ _€_-;_-@_-"/>
    <numFmt numFmtId="174" formatCode="0.0%"/>
    <numFmt numFmtId="175" formatCode="_-* #,##0.0\ _€_-;\-* #,##0.0\ _€_-;_-* &quot;-&quot;??\ _€_-;_-@_-"/>
    <numFmt numFmtId="176" formatCode="[$€-2]\ #,##0.00_);[Red]\([$€-2]\ #,##0.00\)"/>
    <numFmt numFmtId="177" formatCode="_-* ###,0&quot;.&quot;00\ _€_-;\-* ###,0&quot;.&quot;00\ _€_-;_-* &quot;-&quot;??\ _€_-;_-@_-"/>
    <numFmt numFmtId="178" formatCode="_(* #,##0_);_(* \(#,##0\);_(* &quot;-&quot;??_);_(@_)"/>
    <numFmt numFmtId="179" formatCode="&quot; &quot;#,##0&quot; &quot;;&quot; -&quot;#,##0&quot; &quot;;&quot; - &quot;;&quot; &quot;@&quot; &quot;"/>
  </numFmts>
  <fonts count="54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sz val="8"/>
      <name val="Arial Narrow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b/>
      <sz val="8"/>
      <name val="Times New Roman"/>
      <family val="1"/>
    </font>
    <font>
      <sz val="10"/>
      <color indexed="8"/>
      <name val="Calibri"/>
      <family val="2"/>
    </font>
    <font>
      <b/>
      <sz val="16"/>
      <name val="Arial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sz val="16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b/>
      <sz val="12"/>
      <name val="Century Gothic"/>
      <family val="2"/>
    </font>
    <font>
      <sz val="12"/>
      <name val="Century Gothic"/>
      <family val="2"/>
    </font>
    <font>
      <i/>
      <sz val="10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b/>
      <sz val="6"/>
      <color rgb="FF000000"/>
      <name val="Tahoma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b/>
      <sz val="10"/>
      <color rgb="FF323E4F"/>
      <name val="Arial Narrow"/>
      <family val="2"/>
    </font>
    <font>
      <sz val="10"/>
      <color rgb="FF000000"/>
      <name val="Arial Narrow"/>
      <family val="2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6"/>
      <color theme="1"/>
      <name val="Calibri"/>
      <family val="2"/>
      <scheme val="minor"/>
    </font>
    <font>
      <sz val="9"/>
      <color rgb="FF000000"/>
      <name val="Arial Narrow"/>
      <family val="2"/>
    </font>
  </fonts>
  <fills count="12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92D050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7">
    <xf numFmtId="0" fontId="0" fillId="0" borderId="0"/>
    <xf numFmtId="0" fontId="31" fillId="3" borderId="0" applyNumberFormat="0" applyBorder="0" applyAlignment="0" applyProtection="0"/>
    <xf numFmtId="0" fontId="32" fillId="4" borderId="0" applyNumberFormat="0" applyBorder="0" applyAlignment="0" applyProtection="0"/>
    <xf numFmtId="171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41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79" fontId="3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3" fontId="2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8" fontId="34" fillId="0" borderId="0" applyFont="0" applyFill="0" applyBorder="0" applyAlignment="0" applyProtection="0"/>
    <xf numFmtId="43" fontId="34" fillId="0" borderId="0" applyFont="0" applyFill="0" applyBorder="0" applyAlignment="0" applyProtection="0"/>
    <xf numFmtId="166" fontId="34" fillId="0" borderId="0" applyFont="0" applyFill="0" applyBorder="0" applyAlignment="0" applyProtection="0"/>
    <xf numFmtId="166" fontId="34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7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6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4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6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34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30" fillId="0" borderId="0"/>
    <xf numFmtId="0" fontId="30" fillId="0" borderId="0"/>
    <xf numFmtId="0" fontId="33" fillId="0" borderId="0"/>
    <xf numFmtId="0" fontId="33" fillId="0" borderId="0"/>
    <xf numFmtId="0" fontId="33" fillId="0" borderId="0"/>
    <xf numFmtId="0" fontId="3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1" fillId="0" borderId="0"/>
    <xf numFmtId="0" fontId="1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1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34" fillId="0" borderId="0"/>
    <xf numFmtId="0" fontId="3" fillId="0" borderId="0"/>
    <xf numFmtId="0" fontId="2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9" fontId="2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</cellStyleXfs>
  <cellXfs count="260">
    <xf numFmtId="0" fontId="0" fillId="0" borderId="0" xfId="0"/>
    <xf numFmtId="0" fontId="5" fillId="0" borderId="0" xfId="0" applyFont="1"/>
    <xf numFmtId="0" fontId="4" fillId="0" borderId="0" xfId="0" applyFont="1"/>
    <xf numFmtId="172" fontId="8" fillId="0" borderId="0" xfId="534" applyNumberFormat="1" applyFont="1" applyBorder="1"/>
    <xf numFmtId="10" fontId="9" fillId="0" borderId="0" xfId="1689" applyNumberFormat="1" applyFont="1"/>
    <xf numFmtId="172" fontId="9" fillId="0" borderId="0" xfId="534" applyNumberFormat="1" applyFont="1"/>
    <xf numFmtId="9" fontId="9" fillId="0" borderId="0" xfId="1689" applyFont="1"/>
    <xf numFmtId="172" fontId="7" fillId="0" borderId="0" xfId="534" applyNumberFormat="1" applyFont="1"/>
    <xf numFmtId="9" fontId="9" fillId="0" borderId="0" xfId="1655" applyFont="1"/>
    <xf numFmtId="9" fontId="7" fillId="0" borderId="0" xfId="1655" applyFont="1"/>
    <xf numFmtId="178" fontId="11" fillId="0" borderId="1" xfId="46" applyNumberFormat="1" applyFont="1" applyFill="1" applyBorder="1" applyAlignment="1">
      <alignment horizontal="center" vertical="center"/>
    </xf>
    <xf numFmtId="0" fontId="35" fillId="0" borderId="0" xfId="0" applyFont="1" applyAlignment="1">
      <alignment horizontal="right" readingOrder="2"/>
    </xf>
    <xf numFmtId="178" fontId="11" fillId="0" borderId="0" xfId="46" applyNumberFormat="1" applyFont="1" applyFill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2" fillId="0" borderId="0" xfId="1281" applyFont="1" applyFill="1" applyBorder="1" applyAlignment="1">
      <alignment vertical="center"/>
    </xf>
    <xf numFmtId="173" fontId="0" fillId="0" borderId="0" xfId="5" applyNumberFormat="1" applyFont="1"/>
    <xf numFmtId="3" fontId="0" fillId="0" borderId="0" xfId="0" applyNumberFormat="1"/>
    <xf numFmtId="9" fontId="0" fillId="0" borderId="0" xfId="1655" applyFont="1"/>
    <xf numFmtId="0" fontId="0" fillId="0" borderId="0" xfId="0" applyAlignment="1">
      <alignment vertical="center"/>
    </xf>
    <xf numFmtId="0" fontId="16" fillId="0" borderId="0" xfId="0" applyFont="1" applyAlignment="1">
      <alignment vertical="center"/>
    </xf>
    <xf numFmtId="10" fontId="9" fillId="0" borderId="0" xfId="1689" applyNumberFormat="1" applyFont="1" applyAlignment="1">
      <alignment vertical="center"/>
    </xf>
    <xf numFmtId="9" fontId="9" fillId="0" borderId="0" xfId="1655" applyFont="1" applyAlignment="1">
      <alignment vertical="center"/>
    </xf>
    <xf numFmtId="172" fontId="9" fillId="0" borderId="0" xfId="534" applyNumberFormat="1" applyFont="1" applyAlignment="1">
      <alignment vertical="center"/>
    </xf>
    <xf numFmtId="9" fontId="0" fillId="0" borderId="0" xfId="1655" applyFont="1" applyAlignment="1">
      <alignment vertical="center"/>
    </xf>
    <xf numFmtId="41" fontId="0" fillId="0" borderId="0" xfId="0" applyNumberFormat="1" applyAlignment="1">
      <alignment vertical="center"/>
    </xf>
    <xf numFmtId="178" fontId="11" fillId="0" borderId="1" xfId="46" applyNumberFormat="1" applyFont="1" applyFill="1" applyBorder="1" applyAlignment="1">
      <alignment horizontal="center"/>
    </xf>
    <xf numFmtId="0" fontId="19" fillId="0" borderId="1" xfId="0" applyFont="1" applyFill="1" applyBorder="1" applyAlignment="1"/>
    <xf numFmtId="0" fontId="0" fillId="5" borderId="0" xfId="0" applyFill="1" applyAlignment="1">
      <alignment vertical="center"/>
    </xf>
    <xf numFmtId="0" fontId="36" fillId="5" borderId="0" xfId="0" applyFont="1" applyFill="1" applyAlignment="1">
      <alignment vertical="center"/>
    </xf>
    <xf numFmtId="41" fontId="36" fillId="5" borderId="0" xfId="0" applyNumberFormat="1" applyFont="1" applyFill="1" applyAlignment="1">
      <alignment vertical="center"/>
    </xf>
    <xf numFmtId="3" fontId="36" fillId="5" borderId="0" xfId="0" applyNumberFormat="1" applyFont="1" applyFill="1" applyAlignment="1">
      <alignment vertical="center"/>
    </xf>
    <xf numFmtId="173" fontId="18" fillId="2" borderId="2" xfId="5" quotePrefix="1" applyNumberFormat="1" applyFont="1" applyFill="1" applyBorder="1" applyAlignment="1">
      <alignment vertical="top" wrapText="1"/>
    </xf>
    <xf numFmtId="173" fontId="4" fillId="0" borderId="3" xfId="5" applyNumberFormat="1" applyFont="1" applyBorder="1" applyAlignment="1">
      <alignment horizontal="center" vertical="center"/>
    </xf>
    <xf numFmtId="0" fontId="21" fillId="0" borderId="0" xfId="0" applyFont="1"/>
    <xf numFmtId="173" fontId="4" fillId="0" borderId="2" xfId="5" applyNumberFormat="1" applyFont="1" applyBorder="1" applyAlignment="1">
      <alignment horizontal="center" vertical="center"/>
    </xf>
    <xf numFmtId="0" fontId="4" fillId="0" borderId="4" xfId="0" applyFont="1" applyBorder="1"/>
    <xf numFmtId="173" fontId="0" fillId="0" borderId="0" xfId="0" applyNumberFormat="1"/>
    <xf numFmtId="0" fontId="4" fillId="0" borderId="0" xfId="0" applyFont="1" applyBorder="1"/>
    <xf numFmtId="173" fontId="2" fillId="0" borderId="3" xfId="5" applyNumberFormat="1" applyFont="1" applyFill="1" applyBorder="1" applyAlignment="1">
      <alignment horizontal="center" vertical="center"/>
    </xf>
    <xf numFmtId="9" fontId="12" fillId="5" borderId="5" xfId="1221" applyNumberFormat="1" applyFont="1" applyFill="1" applyBorder="1" applyAlignment="1">
      <alignment horizontal="center" vertical="center"/>
    </xf>
    <xf numFmtId="172" fontId="37" fillId="6" borderId="6" xfId="1221" applyNumberFormat="1" applyFont="1" applyFill="1" applyBorder="1" applyAlignment="1">
      <alignment horizontal="center" vertical="center" wrapText="1"/>
    </xf>
    <xf numFmtId="172" fontId="37" fillId="6" borderId="7" xfId="1221" applyNumberFormat="1" applyFont="1" applyFill="1" applyBorder="1" applyAlignment="1">
      <alignment horizontal="center" vertical="center" wrapText="1"/>
    </xf>
    <xf numFmtId="172" fontId="37" fillId="6" borderId="8" xfId="1221" applyNumberFormat="1" applyFont="1" applyFill="1" applyBorder="1" applyAlignment="1">
      <alignment horizontal="center" vertical="center" wrapText="1"/>
    </xf>
    <xf numFmtId="0" fontId="22" fillId="7" borderId="0" xfId="1420" applyFont="1" applyFill="1" applyBorder="1" applyAlignment="1">
      <alignment vertical="center"/>
    </xf>
    <xf numFmtId="0" fontId="22" fillId="7" borderId="0" xfId="1420" applyFont="1" applyFill="1" applyBorder="1" applyAlignment="1"/>
    <xf numFmtId="173" fontId="18" fillId="2" borderId="9" xfId="5" quotePrefix="1" applyNumberFormat="1" applyFont="1" applyFill="1" applyBorder="1" applyAlignment="1">
      <alignment vertical="top" wrapText="1"/>
    </xf>
    <xf numFmtId="174" fontId="9" fillId="0" borderId="0" xfId="1655" applyNumberFormat="1" applyFont="1"/>
    <xf numFmtId="174" fontId="36" fillId="5" borderId="0" xfId="1655" applyNumberFormat="1" applyFont="1" applyFill="1" applyAlignment="1">
      <alignment vertical="center"/>
    </xf>
    <xf numFmtId="173" fontId="18" fillId="0" borderId="2" xfId="5" quotePrefix="1" applyNumberFormat="1" applyFont="1" applyFill="1" applyBorder="1" applyAlignment="1">
      <alignment vertical="top" wrapText="1"/>
    </xf>
    <xf numFmtId="0" fontId="16" fillId="5" borderId="0" xfId="0" applyFont="1" applyFill="1" applyAlignment="1">
      <alignment vertical="center"/>
    </xf>
    <xf numFmtId="173" fontId="23" fillId="5" borderId="10" xfId="5" applyNumberFormat="1" applyFont="1" applyFill="1" applyBorder="1"/>
    <xf numFmtId="172" fontId="23" fillId="5" borderId="10" xfId="534" applyNumberFormat="1" applyFont="1" applyFill="1" applyBorder="1" applyAlignment="1">
      <alignment horizontal="right"/>
    </xf>
    <xf numFmtId="172" fontId="7" fillId="5" borderId="0" xfId="534" applyNumberFormat="1" applyFont="1" applyFill="1"/>
    <xf numFmtId="9" fontId="7" fillId="5" borderId="0" xfId="1655" applyFont="1" applyFill="1"/>
    <xf numFmtId="172" fontId="8" fillId="5" borderId="0" xfId="534" applyNumberFormat="1" applyFont="1" applyFill="1" applyBorder="1" applyAlignment="1">
      <alignment vertical="center"/>
    </xf>
    <xf numFmtId="173" fontId="0" fillId="0" borderId="0" xfId="5" applyNumberFormat="1" applyFont="1" applyFill="1"/>
    <xf numFmtId="0" fontId="0" fillId="0" borderId="0" xfId="0" applyFill="1"/>
    <xf numFmtId="173" fontId="2" fillId="0" borderId="0" xfId="5" applyNumberFormat="1" applyFont="1" applyFill="1"/>
    <xf numFmtId="9" fontId="8" fillId="0" borderId="0" xfId="1655" applyNumberFormat="1" applyFont="1" applyBorder="1"/>
    <xf numFmtId="9" fontId="9" fillId="0" borderId="0" xfId="1655" applyNumberFormat="1" applyFont="1"/>
    <xf numFmtId="172" fontId="37" fillId="6" borderId="11" xfId="1221" applyNumberFormat="1" applyFont="1" applyFill="1" applyBorder="1" applyAlignment="1">
      <alignment horizontal="center" vertical="center" wrapText="1"/>
    </xf>
    <xf numFmtId="0" fontId="18" fillId="2" borderId="12" xfId="1420" quotePrefix="1" applyFont="1" applyFill="1" applyBorder="1" applyAlignment="1">
      <alignment horizontal="center" vertical="center" wrapText="1"/>
    </xf>
    <xf numFmtId="0" fontId="38" fillId="8" borderId="3" xfId="0" applyFont="1" applyFill="1" applyBorder="1" applyAlignment="1"/>
    <xf numFmtId="173" fontId="17" fillId="5" borderId="3" xfId="5" applyNumberFormat="1" applyFont="1" applyFill="1" applyBorder="1" applyAlignment="1">
      <alignment horizontal="center" vertical="center"/>
    </xf>
    <xf numFmtId="173" fontId="17" fillId="5" borderId="3" xfId="5" applyNumberFormat="1" applyFont="1" applyFill="1" applyBorder="1" applyAlignment="1">
      <alignment vertical="center"/>
    </xf>
    <xf numFmtId="9" fontId="18" fillId="0" borderId="13" xfId="1655" quotePrefix="1" applyFont="1" applyFill="1" applyBorder="1" applyAlignment="1">
      <alignment vertical="top" wrapText="1"/>
    </xf>
    <xf numFmtId="9" fontId="9" fillId="0" borderId="3" xfId="1655" applyFont="1" applyBorder="1" applyAlignment="1">
      <alignment vertical="center"/>
    </xf>
    <xf numFmtId="0" fontId="12" fillId="2" borderId="3" xfId="1420" quotePrefix="1" applyFont="1" applyFill="1" applyBorder="1" applyAlignment="1">
      <alignment horizontal="center" vertical="center" wrapText="1"/>
    </xf>
    <xf numFmtId="173" fontId="18" fillId="0" borderId="3" xfId="5" quotePrefix="1" applyNumberFormat="1" applyFont="1" applyFill="1" applyBorder="1" applyAlignment="1">
      <alignment vertical="center" wrapText="1"/>
    </xf>
    <xf numFmtId="0" fontId="38" fillId="5" borderId="3" xfId="0" applyFont="1" applyFill="1" applyBorder="1" applyAlignment="1">
      <alignment horizontal="left" indent="2"/>
    </xf>
    <xf numFmtId="0" fontId="18" fillId="5" borderId="3" xfId="1420" quotePrefix="1" applyFont="1" applyFill="1" applyBorder="1" applyAlignment="1">
      <alignment horizontal="center" vertical="center" wrapText="1"/>
    </xf>
    <xf numFmtId="9" fontId="9" fillId="0" borderId="3" xfId="1655" applyNumberFormat="1" applyFont="1" applyBorder="1" applyAlignment="1">
      <alignment vertical="center"/>
    </xf>
    <xf numFmtId="0" fontId="39" fillId="8" borderId="0" xfId="0" applyFont="1" applyFill="1" applyBorder="1" applyAlignment="1">
      <alignment horizontal="left"/>
    </xf>
    <xf numFmtId="172" fontId="40" fillId="6" borderId="6" xfId="1221" applyNumberFormat="1" applyFont="1" applyFill="1" applyBorder="1" applyAlignment="1">
      <alignment horizontal="center" vertical="center" wrapText="1"/>
    </xf>
    <xf numFmtId="172" fontId="40" fillId="6" borderId="7" xfId="1221" applyNumberFormat="1" applyFont="1" applyFill="1" applyBorder="1" applyAlignment="1">
      <alignment horizontal="center" vertical="center" wrapText="1"/>
    </xf>
    <xf numFmtId="0" fontId="39" fillId="0" borderId="3" xfId="0" applyFont="1" applyFill="1" applyBorder="1" applyAlignment="1">
      <alignment horizontal="center" wrapText="1"/>
    </xf>
    <xf numFmtId="0" fontId="13" fillId="7" borderId="0" xfId="1420" applyFont="1" applyFill="1" applyBorder="1" applyAlignment="1"/>
    <xf numFmtId="0" fontId="14" fillId="0" borderId="0" xfId="0" applyFont="1"/>
    <xf numFmtId="172" fontId="23" fillId="0" borderId="1" xfId="534" applyNumberFormat="1" applyFont="1" applyFill="1" applyBorder="1"/>
    <xf numFmtId="172" fontId="23" fillId="0" borderId="0" xfId="534" applyNumberFormat="1" applyFont="1"/>
    <xf numFmtId="173" fontId="14" fillId="0" borderId="1" xfId="1220" applyNumberFormat="1" applyFont="1" applyFill="1" applyBorder="1" applyAlignment="1"/>
    <xf numFmtId="172" fontId="23" fillId="0" borderId="0" xfId="534" applyNumberFormat="1" applyFont="1" applyFill="1" applyBorder="1"/>
    <xf numFmtId="172" fontId="23" fillId="0" borderId="0" xfId="534" applyNumberFormat="1" applyFont="1" applyBorder="1"/>
    <xf numFmtId="0" fontId="13" fillId="0" borderId="0" xfId="0" applyFont="1" applyBorder="1" applyAlignment="1"/>
    <xf numFmtId="0" fontId="13" fillId="0" borderId="0" xfId="0" applyFont="1" applyBorder="1" applyAlignment="1">
      <alignment horizontal="center"/>
    </xf>
    <xf numFmtId="172" fontId="12" fillId="0" borderId="0" xfId="534" applyNumberFormat="1" applyFont="1" applyBorder="1"/>
    <xf numFmtId="0" fontId="14" fillId="0" borderId="0" xfId="0" applyFont="1" applyFill="1" applyAlignment="1">
      <alignment vertical="center"/>
    </xf>
    <xf numFmtId="0" fontId="14" fillId="0" borderId="0" xfId="0" applyFont="1" applyAlignment="1">
      <alignment vertical="center"/>
    </xf>
    <xf numFmtId="0" fontId="14" fillId="5" borderId="0" xfId="0" applyFont="1" applyFill="1" applyAlignment="1">
      <alignment vertical="center"/>
    </xf>
    <xf numFmtId="172" fontId="23" fillId="0" borderId="0" xfId="534" applyNumberFormat="1" applyFont="1" applyAlignment="1">
      <alignment horizontal="center"/>
    </xf>
    <xf numFmtId="41" fontId="12" fillId="5" borderId="3" xfId="1221" applyNumberFormat="1" applyFont="1" applyFill="1" applyBorder="1" applyAlignment="1">
      <alignment horizontal="center" vertical="center"/>
    </xf>
    <xf numFmtId="41" fontId="12" fillId="0" borderId="5" xfId="1221" applyNumberFormat="1" applyFont="1" applyFill="1" applyBorder="1" applyAlignment="1">
      <alignment vertical="center"/>
    </xf>
    <xf numFmtId="9" fontId="17" fillId="5" borderId="3" xfId="5" applyNumberFormat="1" applyFont="1" applyFill="1" applyBorder="1" applyAlignment="1">
      <alignment horizontal="center" vertical="center"/>
    </xf>
    <xf numFmtId="9" fontId="17" fillId="5" borderId="3" xfId="1655" applyNumberFormat="1" applyFont="1" applyFill="1" applyBorder="1" applyAlignment="1">
      <alignment horizontal="center" vertical="center"/>
    </xf>
    <xf numFmtId="173" fontId="0" fillId="0" borderId="3" xfId="5" applyNumberFormat="1" applyFont="1" applyBorder="1" applyAlignment="1">
      <alignment vertical="center"/>
    </xf>
    <xf numFmtId="41" fontId="23" fillId="5" borderId="0" xfId="1221" applyNumberFormat="1" applyFont="1" applyFill="1" applyBorder="1" applyAlignment="1">
      <alignment horizontal="right" vertical="center"/>
    </xf>
    <xf numFmtId="173" fontId="13" fillId="7" borderId="0" xfId="5" applyNumberFormat="1" applyFont="1" applyFill="1" applyBorder="1" applyAlignment="1">
      <alignment horizontal="right"/>
    </xf>
    <xf numFmtId="173" fontId="7" fillId="0" borderId="9" xfId="5" applyNumberFormat="1" applyFont="1" applyBorder="1"/>
    <xf numFmtId="9" fontId="7" fillId="0" borderId="9" xfId="1655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2" fontId="37" fillId="6" borderId="16" xfId="1221" applyNumberFormat="1" applyFont="1" applyFill="1" applyBorder="1" applyAlignment="1">
      <alignment horizontal="center" vertical="center" wrapText="1"/>
    </xf>
    <xf numFmtId="172" fontId="37" fillId="6" borderId="17" xfId="1221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3" fillId="7" borderId="0" xfId="0" applyFont="1" applyFill="1"/>
    <xf numFmtId="172" fontId="13" fillId="7" borderId="0" xfId="522" applyNumberFormat="1" applyFont="1" applyFill="1" applyBorder="1" applyAlignment="1">
      <alignment horizontal="center" vertical="center"/>
    </xf>
    <xf numFmtId="172" fontId="0" fillId="0" borderId="0" xfId="0" applyNumberFormat="1"/>
    <xf numFmtId="0" fontId="14" fillId="5" borderId="0" xfId="0" applyFont="1" applyFill="1" applyAlignment="1">
      <alignment horizontal="left" indent="3"/>
    </xf>
    <xf numFmtId="172" fontId="41" fillId="6" borderId="0" xfId="522" applyNumberFormat="1" applyFont="1" applyFill="1" applyBorder="1" applyAlignment="1">
      <alignment horizontal="center" vertical="center" wrapText="1"/>
    </xf>
    <xf numFmtId="0" fontId="42" fillId="5" borderId="9" xfId="0" applyFont="1" applyFill="1" applyBorder="1" applyAlignment="1">
      <alignment horizontal="center"/>
    </xf>
    <xf numFmtId="172" fontId="40" fillId="6" borderId="2" xfId="522" applyNumberFormat="1" applyFont="1" applyFill="1" applyBorder="1" applyAlignment="1">
      <alignment horizontal="center" vertical="center"/>
    </xf>
    <xf numFmtId="0" fontId="43" fillId="8" borderId="0" xfId="1293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vertical="center"/>
    </xf>
    <xf numFmtId="9" fontId="9" fillId="2" borderId="0" xfId="1689" applyNumberFormat="1" applyFont="1" applyFill="1" applyBorder="1" applyAlignment="1">
      <alignment horizontal="center" vertical="center"/>
    </xf>
    <xf numFmtId="172" fontId="37" fillId="6" borderId="11" xfId="1221" applyNumberFormat="1" applyFont="1" applyFill="1" applyBorder="1" applyAlignment="1">
      <alignment horizontal="center" vertical="center" wrapText="1"/>
    </xf>
    <xf numFmtId="173" fontId="17" fillId="5" borderId="3" xfId="5" applyNumberFormat="1" applyFont="1" applyFill="1" applyBorder="1" applyAlignment="1">
      <alignment horizontal="center" vertical="center"/>
    </xf>
    <xf numFmtId="9" fontId="18" fillId="2" borderId="5" xfId="1655" quotePrefix="1" applyFont="1" applyFill="1" applyBorder="1" applyAlignment="1">
      <alignment horizontal="center" vertical="top" wrapText="1"/>
    </xf>
    <xf numFmtId="173" fontId="9" fillId="5" borderId="0" xfId="5" applyNumberFormat="1" applyFont="1" applyFill="1" applyBorder="1" applyAlignment="1">
      <alignment vertical="center"/>
    </xf>
    <xf numFmtId="9" fontId="23" fillId="5" borderId="0" xfId="1221" applyNumberFormat="1" applyFont="1" applyFill="1" applyBorder="1" applyAlignment="1">
      <alignment horizontal="center" vertical="center"/>
    </xf>
    <xf numFmtId="41" fontId="23" fillId="5" borderId="0" xfId="1221" applyNumberFormat="1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horizontal="center" vertical="center"/>
    </xf>
    <xf numFmtId="172" fontId="14" fillId="5" borderId="0" xfId="522" applyNumberFormat="1" applyFont="1" applyFill="1" applyBorder="1" applyAlignment="1">
      <alignment horizontal="center" vertical="center"/>
    </xf>
    <xf numFmtId="0" fontId="44" fillId="9" borderId="3" xfId="0" applyFont="1" applyFill="1" applyBorder="1" applyAlignment="1">
      <alignment horizontal="center" vertical="center" wrapText="1"/>
    </xf>
    <xf numFmtId="0" fontId="44" fillId="9" borderId="3" xfId="0" applyFont="1" applyFill="1" applyBorder="1" applyAlignment="1">
      <alignment horizontal="center" wrapText="1"/>
    </xf>
    <xf numFmtId="3" fontId="44" fillId="9" borderId="3" xfId="0" applyNumberFormat="1" applyFont="1" applyFill="1" applyBorder="1" applyAlignment="1">
      <alignment horizontal="right" vertical="top" wrapText="1"/>
    </xf>
    <xf numFmtId="178" fontId="44" fillId="9" borderId="3" xfId="5" applyNumberFormat="1" applyFont="1" applyFill="1" applyBorder="1" applyAlignment="1">
      <alignment horizontal="right" vertical="top" wrapText="1"/>
    </xf>
    <xf numFmtId="0" fontId="39" fillId="0" borderId="3" xfId="0" applyFont="1" applyFill="1" applyBorder="1" applyAlignment="1">
      <alignment wrapText="1"/>
    </xf>
    <xf numFmtId="173" fontId="39" fillId="0" borderId="3" xfId="5" applyNumberFormat="1" applyFont="1" applyFill="1" applyBorder="1" applyAlignment="1">
      <alignment horizontal="right" vertical="top" wrapText="1"/>
    </xf>
    <xf numFmtId="178" fontId="39" fillId="0" borderId="3" xfId="5" applyNumberFormat="1" applyFont="1" applyFill="1" applyBorder="1" applyAlignment="1">
      <alignment horizontal="right" vertical="top" wrapText="1"/>
    </xf>
    <xf numFmtId="9" fontId="13" fillId="7" borderId="0" xfId="1420" applyNumberFormat="1" applyFont="1" applyFill="1" applyBorder="1" applyAlignment="1">
      <alignment horizontal="center" vertical="center"/>
    </xf>
    <xf numFmtId="0" fontId="45" fillId="7" borderId="9" xfId="0" applyFont="1" applyFill="1" applyBorder="1" applyAlignment="1">
      <alignment horizontal="center" vertical="center"/>
    </xf>
    <xf numFmtId="0" fontId="45" fillId="7" borderId="2" xfId="0" applyFont="1" applyFill="1" applyBorder="1" applyAlignment="1">
      <alignment horizontal="left" vertical="center"/>
    </xf>
    <xf numFmtId="172" fontId="45" fillId="7" borderId="2" xfId="522" applyNumberFormat="1" applyFont="1" applyFill="1" applyBorder="1" applyAlignment="1">
      <alignment horizontal="center" vertical="center"/>
    </xf>
    <xf numFmtId="0" fontId="14" fillId="5" borderId="17" xfId="0" applyFont="1" applyFill="1" applyBorder="1" applyAlignment="1">
      <alignment horizontal="center" vertical="center"/>
    </xf>
    <xf numFmtId="0" fontId="14" fillId="5" borderId="17" xfId="0" applyFont="1" applyFill="1" applyBorder="1" applyAlignment="1">
      <alignment horizontal="left" vertical="center"/>
    </xf>
    <xf numFmtId="172" fontId="14" fillId="5" borderId="17" xfId="522" applyNumberFormat="1" applyFont="1" applyFill="1" applyBorder="1" applyAlignment="1">
      <alignment horizontal="center" vertical="center"/>
    </xf>
    <xf numFmtId="172" fontId="14" fillId="5" borderId="18" xfId="522" applyNumberFormat="1" applyFont="1" applyFill="1" applyBorder="1" applyAlignment="1">
      <alignment horizontal="center" vertical="center"/>
    </xf>
    <xf numFmtId="0" fontId="14" fillId="5" borderId="18" xfId="0" applyFont="1" applyFill="1" applyBorder="1" applyAlignment="1">
      <alignment horizontal="center" vertical="center"/>
    </xf>
    <xf numFmtId="0" fontId="14" fillId="5" borderId="18" xfId="0" applyFont="1" applyFill="1" applyBorder="1" applyAlignment="1">
      <alignment horizontal="left" vertical="center"/>
    </xf>
    <xf numFmtId="0" fontId="14" fillId="5" borderId="19" xfId="0" applyFont="1" applyFill="1" applyBorder="1" applyAlignment="1">
      <alignment horizontal="center" vertical="center"/>
    </xf>
    <xf numFmtId="0" fontId="14" fillId="5" borderId="19" xfId="0" applyFont="1" applyFill="1" applyBorder="1" applyAlignment="1">
      <alignment horizontal="left" vertical="center"/>
    </xf>
    <xf numFmtId="172" fontId="2" fillId="0" borderId="0" xfId="0" applyNumberFormat="1" applyFont="1"/>
    <xf numFmtId="172" fontId="14" fillId="0" borderId="18" xfId="522" applyNumberFormat="1" applyFont="1" applyFill="1" applyBorder="1" applyAlignment="1">
      <alignment horizontal="center" vertical="center"/>
    </xf>
    <xf numFmtId="172" fontId="41" fillId="6" borderId="2" xfId="522" applyNumberFormat="1" applyFont="1" applyFill="1" applyBorder="1" applyAlignment="1">
      <alignment horizontal="center" vertical="center"/>
    </xf>
    <xf numFmtId="0" fontId="2" fillId="0" borderId="0" xfId="1281" applyFont="1" applyFill="1" applyAlignment="1">
      <alignment vertical="center"/>
    </xf>
    <xf numFmtId="0" fontId="41" fillId="6" borderId="19" xfId="0" applyFont="1" applyFill="1" applyBorder="1" applyAlignment="1">
      <alignment horizontal="center" vertical="center" wrapText="1"/>
    </xf>
    <xf numFmtId="172" fontId="41" fillId="6" borderId="19" xfId="522" applyNumberFormat="1" applyFont="1" applyFill="1" applyBorder="1" applyAlignment="1">
      <alignment horizontal="center" vertical="center" wrapText="1"/>
    </xf>
    <xf numFmtId="170" fontId="41" fillId="6" borderId="19" xfId="522" applyNumberFormat="1" applyFont="1" applyFill="1" applyBorder="1" applyAlignment="1">
      <alignment horizontal="center" vertical="center" wrapText="1"/>
    </xf>
    <xf numFmtId="9" fontId="14" fillId="5" borderId="18" xfId="1733" applyNumberFormat="1" applyFont="1" applyFill="1" applyBorder="1" applyAlignment="1">
      <alignment horizontal="center" vertical="center"/>
    </xf>
    <xf numFmtId="9" fontId="14" fillId="5" borderId="19" xfId="1733" applyNumberFormat="1" applyFont="1" applyFill="1" applyBorder="1" applyAlignment="1">
      <alignment horizontal="center" vertical="center"/>
    </xf>
    <xf numFmtId="9" fontId="14" fillId="5" borderId="17" xfId="1733" applyNumberFormat="1" applyFont="1" applyFill="1" applyBorder="1" applyAlignment="1">
      <alignment horizontal="center" vertical="center"/>
    </xf>
    <xf numFmtId="0" fontId="14" fillId="5" borderId="0" xfId="0" applyFont="1" applyFill="1" applyBorder="1" applyAlignment="1">
      <alignment horizontal="left" vertical="center"/>
    </xf>
    <xf numFmtId="9" fontId="41" fillId="6" borderId="5" xfId="1733" applyNumberFormat="1" applyFont="1" applyFill="1" applyBorder="1" applyAlignment="1">
      <alignment horizontal="center" vertical="center"/>
    </xf>
    <xf numFmtId="0" fontId="27" fillId="0" borderId="0" xfId="0" applyFont="1" applyAlignment="1"/>
    <xf numFmtId="0" fontId="28" fillId="0" borderId="0" xfId="0" applyFont="1" applyAlignment="1"/>
    <xf numFmtId="0" fontId="41" fillId="6" borderId="0" xfId="0" applyFont="1" applyFill="1" applyBorder="1" applyAlignment="1">
      <alignment horizontal="center" vertical="center"/>
    </xf>
    <xf numFmtId="9" fontId="13" fillId="7" borderId="0" xfId="1733" applyNumberFormat="1" applyFont="1" applyFill="1" applyBorder="1" applyAlignment="1">
      <alignment horizontal="center" vertical="center"/>
    </xf>
    <xf numFmtId="9" fontId="14" fillId="5" borderId="0" xfId="1733" applyNumberFormat="1" applyFont="1" applyFill="1" applyBorder="1" applyAlignment="1">
      <alignment horizontal="center" vertical="center"/>
    </xf>
    <xf numFmtId="0" fontId="4" fillId="0" borderId="0" xfId="0" applyFont="1" applyFill="1"/>
    <xf numFmtId="9" fontId="40" fillId="6" borderId="5" xfId="1733" applyNumberFormat="1" applyFont="1" applyFill="1" applyBorder="1" applyAlignment="1">
      <alignment horizontal="center" vertical="center"/>
    </xf>
    <xf numFmtId="0" fontId="39" fillId="10" borderId="3" xfId="0" applyFont="1" applyFill="1" applyBorder="1" applyAlignment="1">
      <alignment wrapText="1"/>
    </xf>
    <xf numFmtId="0" fontId="14" fillId="10" borderId="0" xfId="0" applyFont="1" applyFill="1" applyAlignment="1">
      <alignment vertical="center"/>
    </xf>
    <xf numFmtId="172" fontId="40" fillId="6" borderId="8" xfId="1221" applyNumberFormat="1" applyFont="1" applyFill="1" applyBorder="1" applyAlignment="1">
      <alignment horizontal="center" vertical="center" wrapText="1"/>
    </xf>
    <xf numFmtId="0" fontId="2" fillId="0" borderId="0" xfId="1293"/>
    <xf numFmtId="0" fontId="46" fillId="0" borderId="1" xfId="0" applyFont="1" applyBorder="1"/>
    <xf numFmtId="0" fontId="2" fillId="0" borderId="1" xfId="1293" applyBorder="1"/>
    <xf numFmtId="0" fontId="2" fillId="0" borderId="0" xfId="0" applyFont="1"/>
    <xf numFmtId="0" fontId="2" fillId="0" borderId="0" xfId="0" applyFont="1" applyAlignment="1">
      <alignment vertical="center"/>
    </xf>
    <xf numFmtId="9" fontId="14" fillId="5" borderId="17" xfId="1655" applyFont="1" applyFill="1" applyBorder="1" applyAlignment="1">
      <alignment horizontal="center" vertical="center"/>
    </xf>
    <xf numFmtId="0" fontId="14" fillId="5" borderId="20" xfId="0" applyFont="1" applyFill="1" applyBorder="1" applyAlignment="1">
      <alignment horizontal="center" vertical="center"/>
    </xf>
    <xf numFmtId="0" fontId="14" fillId="5" borderId="20" xfId="0" applyFont="1" applyFill="1" applyBorder="1" applyAlignment="1">
      <alignment horizontal="left" vertical="center"/>
    </xf>
    <xf numFmtId="172" fontId="14" fillId="5" borderId="20" xfId="522" applyNumberFormat="1" applyFont="1" applyFill="1" applyBorder="1" applyAlignment="1">
      <alignment horizontal="center" vertical="center"/>
    </xf>
    <xf numFmtId="0" fontId="2" fillId="5" borderId="0" xfId="0" applyFont="1" applyFill="1" applyAlignment="1">
      <alignment vertical="center"/>
    </xf>
    <xf numFmtId="9" fontId="9" fillId="5" borderId="0" xfId="1655" applyFont="1" applyFill="1" applyBorder="1" applyAlignment="1">
      <alignment horizontal="center" vertical="center"/>
    </xf>
    <xf numFmtId="0" fontId="43" fillId="5" borderId="0" xfId="0" applyFont="1" applyFill="1" applyAlignment="1">
      <alignment horizontal="left" indent="2"/>
    </xf>
    <xf numFmtId="9" fontId="9" fillId="5" borderId="0" xfId="1655" applyNumberFormat="1" applyFont="1" applyFill="1" applyBorder="1" applyAlignment="1">
      <alignment horizontal="center" vertical="center"/>
    </xf>
    <xf numFmtId="0" fontId="8" fillId="5" borderId="3" xfId="1420" quotePrefix="1" applyFont="1" applyFill="1" applyBorder="1" applyAlignment="1">
      <alignment horizontal="center" vertical="center" wrapText="1"/>
    </xf>
    <xf numFmtId="173" fontId="15" fillId="5" borderId="9" xfId="5" quotePrefix="1" applyNumberFormat="1" applyFont="1" applyFill="1" applyBorder="1" applyAlignment="1">
      <alignment vertical="center" wrapText="1"/>
    </xf>
    <xf numFmtId="9" fontId="8" fillId="5" borderId="5" xfId="1655" quotePrefix="1" applyFont="1" applyFill="1" applyBorder="1" applyAlignment="1">
      <alignment horizontal="center" vertical="center" wrapText="1"/>
    </xf>
    <xf numFmtId="0" fontId="43" fillId="8" borderId="0" xfId="0" applyFont="1" applyFill="1" applyAlignment="1"/>
    <xf numFmtId="173" fontId="8" fillId="2" borderId="9" xfId="5" quotePrefix="1" applyNumberFormat="1" applyFont="1" applyFill="1" applyBorder="1" applyAlignment="1">
      <alignment vertical="center" wrapText="1"/>
    </xf>
    <xf numFmtId="9" fontId="45" fillId="7" borderId="5" xfId="1733" applyNumberFormat="1" applyFont="1" applyFill="1" applyBorder="1" applyAlignment="1">
      <alignment horizontal="center" vertical="center"/>
    </xf>
    <xf numFmtId="172" fontId="41" fillId="6" borderId="19" xfId="522" applyNumberFormat="1" applyFont="1" applyFill="1" applyBorder="1" applyAlignment="1">
      <alignment horizontal="center" vertical="center"/>
    </xf>
    <xf numFmtId="9" fontId="2" fillId="0" borderId="0" xfId="0" applyNumberFormat="1" applyFont="1"/>
    <xf numFmtId="172" fontId="14" fillId="5" borderId="14" xfId="522" applyNumberFormat="1" applyFont="1" applyFill="1" applyBorder="1" applyAlignment="1">
      <alignment horizontal="center" vertical="center"/>
    </xf>
    <xf numFmtId="172" fontId="14" fillId="5" borderId="19" xfId="522" applyNumberFormat="1" applyFont="1" applyFill="1" applyBorder="1" applyAlignment="1">
      <alignment horizontal="center" vertical="center"/>
    </xf>
    <xf numFmtId="172" fontId="12" fillId="0" borderId="9" xfId="1221" applyNumberFormat="1" applyFont="1" applyFill="1" applyBorder="1" applyAlignment="1">
      <alignment horizontal="left" vertical="center"/>
    </xf>
    <xf numFmtId="172" fontId="40" fillId="6" borderId="8" xfId="1221" applyNumberFormat="1" applyFont="1" applyFill="1" applyBorder="1" applyAlignment="1">
      <alignment horizontal="center" vertical="center" wrapText="1"/>
    </xf>
    <xf numFmtId="0" fontId="39" fillId="0" borderId="21" xfId="0" applyFont="1" applyFill="1" applyBorder="1" applyAlignment="1">
      <alignment horizontal="center" wrapText="1"/>
    </xf>
    <xf numFmtId="0" fontId="39" fillId="0" borderId="5" xfId="0" applyFont="1" applyFill="1" applyBorder="1" applyAlignment="1">
      <alignment horizontal="center" wrapText="1"/>
    </xf>
    <xf numFmtId="172" fontId="40" fillId="6" borderId="22" xfId="1221" applyNumberFormat="1" applyFont="1" applyFill="1" applyBorder="1" applyAlignment="1">
      <alignment horizontal="center" vertical="center" wrapText="1"/>
    </xf>
    <xf numFmtId="0" fontId="14" fillId="0" borderId="0" xfId="0" applyFont="1" applyBorder="1" applyAlignment="1">
      <alignment vertical="center"/>
    </xf>
    <xf numFmtId="0" fontId="13" fillId="7" borderId="0" xfId="1420" applyFont="1" applyFill="1" applyBorder="1" applyAlignment="1">
      <alignment horizontal="center" vertical="center"/>
    </xf>
    <xf numFmtId="0" fontId="14" fillId="5" borderId="1" xfId="0" applyFont="1" applyFill="1" applyBorder="1" applyAlignment="1">
      <alignment horizontal="left" vertical="center"/>
    </xf>
    <xf numFmtId="0" fontId="45" fillId="7" borderId="3" xfId="0" applyFont="1" applyFill="1" applyBorder="1" applyAlignment="1">
      <alignment horizontal="center" vertical="center"/>
    </xf>
    <xf numFmtId="0" fontId="45" fillId="7" borderId="3" xfId="0" applyFont="1" applyFill="1" applyBorder="1" applyAlignment="1">
      <alignment horizontal="left" vertical="center"/>
    </xf>
    <xf numFmtId="9" fontId="13" fillId="9" borderId="3" xfId="1655" applyFont="1" applyFill="1" applyBorder="1" applyAlignment="1">
      <alignment horizontal="center" vertical="top"/>
    </xf>
    <xf numFmtId="173" fontId="44" fillId="11" borderId="3" xfId="5" applyNumberFormat="1" applyFont="1" applyFill="1" applyBorder="1" applyAlignment="1">
      <alignment horizontal="right" vertical="top" wrapText="1"/>
    </xf>
    <xf numFmtId="9" fontId="14" fillId="5" borderId="3" xfId="1655" applyFont="1" applyFill="1" applyBorder="1" applyAlignment="1">
      <alignment horizontal="center" vertical="top"/>
    </xf>
    <xf numFmtId="41" fontId="14" fillId="0" borderId="0" xfId="0" applyNumberFormat="1" applyFont="1" applyAlignment="1">
      <alignment vertical="center"/>
    </xf>
    <xf numFmtId="0" fontId="14" fillId="0" borderId="4" xfId="0" applyFont="1" applyFill="1" applyBorder="1" applyAlignment="1">
      <alignment horizontal="left" vertical="center" wrapText="1"/>
    </xf>
    <xf numFmtId="0" fontId="14" fillId="0" borderId="23" xfId="0" applyFont="1" applyFill="1" applyBorder="1" applyAlignment="1">
      <alignment horizontal="left" vertical="center"/>
    </xf>
    <xf numFmtId="173" fontId="14" fillId="0" borderId="0" xfId="0" applyNumberFormat="1" applyFont="1" applyAlignment="1">
      <alignment vertical="center"/>
    </xf>
    <xf numFmtId="0" fontId="47" fillId="0" borderId="1" xfId="0" applyFont="1" applyBorder="1"/>
    <xf numFmtId="9" fontId="2" fillId="0" borderId="0" xfId="1655"/>
    <xf numFmtId="9" fontId="2" fillId="0" borderId="0" xfId="1655" applyFont="1" applyFill="1" applyAlignment="1">
      <alignment vertical="center"/>
    </xf>
    <xf numFmtId="9" fontId="2" fillId="0" borderId="0" xfId="1655" applyFont="1" applyAlignment="1">
      <alignment vertical="center"/>
    </xf>
    <xf numFmtId="9" fontId="2" fillId="0" borderId="0" xfId="1655" applyFont="1"/>
    <xf numFmtId="9" fontId="2" fillId="5" borderId="0" xfId="1655" applyFont="1" applyFill="1" applyAlignment="1">
      <alignment vertical="center"/>
    </xf>
    <xf numFmtId="0" fontId="39" fillId="8" borderId="0" xfId="0" applyFont="1" applyFill="1" applyBorder="1" applyAlignment="1">
      <alignment horizontal="left" vertical="top" wrapText="1"/>
    </xf>
    <xf numFmtId="173" fontId="24" fillId="0" borderId="0" xfId="5" applyNumberFormat="1" applyFont="1"/>
    <xf numFmtId="0" fontId="48" fillId="8" borderId="0" xfId="0" applyFont="1" applyFill="1" applyBorder="1" applyAlignment="1">
      <alignment horizontal="left" vertical="top" wrapText="1"/>
    </xf>
    <xf numFmtId="173" fontId="14" fillId="10" borderId="0" xfId="0" applyNumberFormat="1" applyFont="1" applyFill="1" applyAlignment="1">
      <alignment vertical="center"/>
    </xf>
    <xf numFmtId="0" fontId="23" fillId="0" borderId="4" xfId="534" applyNumberFormat="1" applyFont="1" applyBorder="1" applyAlignment="1">
      <alignment vertical="center" wrapText="1"/>
    </xf>
    <xf numFmtId="172" fontId="23" fillId="0" borderId="4" xfId="534" applyNumberFormat="1" applyFont="1" applyBorder="1" applyAlignment="1">
      <alignment vertical="center" wrapText="1"/>
    </xf>
    <xf numFmtId="173" fontId="2" fillId="0" borderId="0" xfId="5" applyNumberFormat="1" applyFont="1"/>
    <xf numFmtId="9" fontId="2" fillId="0" borderId="0" xfId="5" applyNumberFormat="1" applyFont="1"/>
    <xf numFmtId="0" fontId="14" fillId="5" borderId="18" xfId="0" applyFont="1" applyFill="1" applyBorder="1" applyAlignment="1">
      <alignment horizontal="left" vertical="center" wrapText="1"/>
    </xf>
    <xf numFmtId="9" fontId="13" fillId="11" borderId="3" xfId="1655" applyFont="1" applyFill="1" applyBorder="1" applyAlignment="1">
      <alignment horizontal="center" vertical="top"/>
    </xf>
    <xf numFmtId="0" fontId="14" fillId="0" borderId="16" xfId="0" applyFont="1" applyFill="1" applyBorder="1" applyAlignment="1">
      <alignment horizontal="left" vertical="center" wrapText="1"/>
    </xf>
    <xf numFmtId="49" fontId="40" fillId="0" borderId="20" xfId="534" applyNumberFormat="1" applyFont="1" applyFill="1" applyBorder="1" applyAlignment="1">
      <alignment horizontal="left" vertical="center" wrapText="1"/>
    </xf>
    <xf numFmtId="49" fontId="40" fillId="0" borderId="0" xfId="534" applyNumberFormat="1" applyFont="1" applyFill="1" applyBorder="1" applyAlignment="1">
      <alignment horizontal="left" vertical="center" wrapText="1"/>
    </xf>
    <xf numFmtId="49" fontId="12" fillId="0" borderId="24" xfId="534" applyNumberFormat="1" applyFont="1" applyFill="1" applyBorder="1" applyAlignment="1">
      <alignment horizontal="left" vertical="center" wrapText="1"/>
    </xf>
    <xf numFmtId="49" fontId="12" fillId="0" borderId="1" xfId="534" applyNumberFormat="1" applyFont="1" applyFill="1" applyBorder="1" applyAlignment="1">
      <alignment horizontal="left" vertical="center" wrapText="1"/>
    </xf>
    <xf numFmtId="49" fontId="12" fillId="0" borderId="15" xfId="534" applyNumberFormat="1" applyFont="1" applyFill="1" applyBorder="1" applyAlignment="1">
      <alignment horizontal="left" vertical="center" wrapText="1"/>
    </xf>
    <xf numFmtId="0" fontId="13" fillId="0" borderId="10" xfId="0" applyFont="1" applyBorder="1" applyAlignment="1">
      <alignment horizontal="left"/>
    </xf>
    <xf numFmtId="0" fontId="25" fillId="0" borderId="4" xfId="1420" applyFont="1" applyBorder="1" applyAlignment="1">
      <alignment horizontal="center"/>
    </xf>
    <xf numFmtId="0" fontId="24" fillId="0" borderId="0" xfId="0" applyFont="1" applyBorder="1" applyAlignment="1">
      <alignment horizontal="center"/>
    </xf>
    <xf numFmtId="0" fontId="13" fillId="0" borderId="3" xfId="0" applyFont="1" applyBorder="1" applyAlignment="1">
      <alignment horizontal="left"/>
    </xf>
    <xf numFmtId="0" fontId="14" fillId="5" borderId="20" xfId="0" applyFont="1" applyFill="1" applyBorder="1" applyAlignment="1">
      <alignment horizontal="left" vertical="center" wrapText="1"/>
    </xf>
    <xf numFmtId="0" fontId="14" fillId="5" borderId="0" xfId="0" applyFont="1" applyFill="1" applyBorder="1" applyAlignment="1">
      <alignment horizontal="left" vertical="center" wrapText="1"/>
    </xf>
    <xf numFmtId="0" fontId="14" fillId="5" borderId="14" xfId="0" applyFont="1" applyFill="1" applyBorder="1" applyAlignment="1">
      <alignment horizontal="left" vertical="center" wrapText="1"/>
    </xf>
    <xf numFmtId="0" fontId="48" fillId="8" borderId="0" xfId="0" applyFont="1" applyFill="1" applyBorder="1" applyAlignment="1">
      <alignment horizontal="left" vertical="top" wrapText="1"/>
    </xf>
    <xf numFmtId="0" fontId="49" fillId="0" borderId="8" xfId="0" applyFont="1" applyBorder="1" applyAlignment="1">
      <alignment horizontal="left"/>
    </xf>
    <xf numFmtId="0" fontId="49" fillId="0" borderId="8" xfId="0" applyFont="1" applyBorder="1" applyAlignment="1">
      <alignment horizontal="left" wrapText="1"/>
    </xf>
    <xf numFmtId="0" fontId="50" fillId="0" borderId="10" xfId="0" applyFont="1" applyBorder="1" applyAlignment="1">
      <alignment horizontal="center"/>
    </xf>
    <xf numFmtId="0" fontId="15" fillId="0" borderId="4" xfId="0" applyFont="1" applyBorder="1" applyAlignment="1">
      <alignment horizontal="center"/>
    </xf>
    <xf numFmtId="0" fontId="26" fillId="0" borderId="0" xfId="0" applyFont="1" applyFill="1" applyAlignment="1">
      <alignment horizontal="center"/>
    </xf>
    <xf numFmtId="0" fontId="26" fillId="0" borderId="0" xfId="0" applyFont="1" applyFill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/>
    </xf>
    <xf numFmtId="0" fontId="45" fillId="5" borderId="9" xfId="0" applyFont="1" applyFill="1" applyBorder="1" applyAlignment="1">
      <alignment horizontal="center" vertical="center"/>
    </xf>
    <xf numFmtId="0" fontId="45" fillId="5" borderId="2" xfId="0" applyFont="1" applyFill="1" applyBorder="1" applyAlignment="1">
      <alignment horizontal="center" vertic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173" fontId="4" fillId="0" borderId="17" xfId="5" applyNumberFormat="1" applyFont="1" applyBorder="1" applyAlignment="1">
      <alignment horizontal="center" vertical="center" wrapText="1"/>
    </xf>
    <xf numFmtId="173" fontId="4" fillId="0" borderId="19" xfId="5" applyNumberFormat="1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173" fontId="4" fillId="0" borderId="17" xfId="0" applyNumberFormat="1" applyFont="1" applyBorder="1" applyAlignment="1">
      <alignment horizontal="center" vertical="center"/>
    </xf>
    <xf numFmtId="173" fontId="4" fillId="0" borderId="19" xfId="0" applyNumberFormat="1" applyFont="1" applyBorder="1" applyAlignment="1">
      <alignment horizontal="center" vertical="center"/>
    </xf>
    <xf numFmtId="173" fontId="4" fillId="0" borderId="17" xfId="5" applyNumberFormat="1" applyFont="1" applyFill="1" applyBorder="1" applyAlignment="1">
      <alignment horizontal="center" vertical="center"/>
    </xf>
    <xf numFmtId="173" fontId="4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3" fontId="4" fillId="0" borderId="17" xfId="5" applyNumberFormat="1" applyFont="1" applyBorder="1" applyAlignment="1">
      <alignment horizontal="center" vertical="center"/>
    </xf>
    <xf numFmtId="173" fontId="4" fillId="0" borderId="19" xfId="5" applyNumberFormat="1" applyFont="1" applyBorder="1" applyAlignment="1">
      <alignment horizontal="center" vertical="center"/>
    </xf>
    <xf numFmtId="0" fontId="53" fillId="8" borderId="0" xfId="0" applyFont="1" applyFill="1" applyBorder="1" applyAlignment="1">
      <alignment horizontal="left" vertical="center" wrapText="1"/>
    </xf>
    <xf numFmtId="0" fontId="53" fillId="8" borderId="0" xfId="0" applyFont="1" applyFill="1" applyBorder="1" applyAlignment="1">
      <alignment horizontal="left" vertical="top" wrapText="1"/>
    </xf>
    <xf numFmtId="10" fontId="0" fillId="0" borderId="0" xfId="1655" applyNumberFormat="1" applyFont="1"/>
    <xf numFmtId="10" fontId="0" fillId="0" borderId="0" xfId="0" applyNumberFormat="1"/>
  </cellXfs>
  <cellStyles count="1807">
    <cellStyle name="40% - Énfasis5 2" xfId="1"/>
    <cellStyle name="Énfasis2 2" xfId="2"/>
    <cellStyle name="Euro" xfId="3"/>
    <cellStyle name="Euro 2" xfId="4"/>
    <cellStyle name="Millares" xfId="5" builtinId="3"/>
    <cellStyle name="Millares [0] 2" xfId="6"/>
    <cellStyle name="Millares [0] 2 10" xfId="7"/>
    <cellStyle name="Millares [0] 2 11" xfId="8"/>
    <cellStyle name="Millares [0] 2 12" xfId="9"/>
    <cellStyle name="Millares [0] 2 13" xfId="10"/>
    <cellStyle name="Millares [0] 2 14" xfId="11"/>
    <cellStyle name="Millares [0] 2 15" xfId="12"/>
    <cellStyle name="Millares [0] 2 16" xfId="13"/>
    <cellStyle name="Millares [0] 2 17" xfId="14"/>
    <cellStyle name="Millares [0] 2 18" xfId="15"/>
    <cellStyle name="Millares [0] 2 19" xfId="16"/>
    <cellStyle name="Millares [0] 2 2" xfId="17"/>
    <cellStyle name="Millares [0] 2 20" xfId="18"/>
    <cellStyle name="Millares [0] 2 21" xfId="19"/>
    <cellStyle name="Millares [0] 2 22" xfId="20"/>
    <cellStyle name="Millares [0] 2 23" xfId="21"/>
    <cellStyle name="Millares [0] 2 24" xfId="22"/>
    <cellStyle name="Millares [0] 2 25" xfId="23"/>
    <cellStyle name="Millares [0] 2 26" xfId="24"/>
    <cellStyle name="Millares [0] 2 27" xfId="25"/>
    <cellStyle name="Millares [0] 2 28" xfId="26"/>
    <cellStyle name="Millares [0] 2 29" xfId="27"/>
    <cellStyle name="Millares [0] 2 3" xfId="28"/>
    <cellStyle name="Millares [0] 2 30" xfId="29"/>
    <cellStyle name="Millares [0] 2 31" xfId="30"/>
    <cellStyle name="Millares [0] 2 4" xfId="31"/>
    <cellStyle name="Millares [0] 2 5" xfId="32"/>
    <cellStyle name="Millares [0] 2 6" xfId="33"/>
    <cellStyle name="Millares [0] 2 7" xfId="34"/>
    <cellStyle name="Millares [0] 2 8" xfId="35"/>
    <cellStyle name="Millares [0] 2 9" xfId="36"/>
    <cellStyle name="Millares [0] 3" xfId="37"/>
    <cellStyle name="Millares [0] 3 2" xfId="38"/>
    <cellStyle name="Millares [0] 4" xfId="39"/>
    <cellStyle name="Millares [0] 4 2" xfId="40"/>
    <cellStyle name="Millares [0] 5" xfId="41"/>
    <cellStyle name="Millares [0] 5 2" xfId="42"/>
    <cellStyle name="Millares [0] 6" xfId="43"/>
    <cellStyle name="Millares [0] 6 2" xfId="44"/>
    <cellStyle name="Millares [0] 7" xfId="45"/>
    <cellStyle name="Millares 10" xfId="46"/>
    <cellStyle name="Millares 10 2" xfId="47"/>
    <cellStyle name="Millares 10 2 2" xfId="48"/>
    <cellStyle name="Millares 10 2 2 2" xfId="49"/>
    <cellStyle name="Millares 10 2 2 3" xfId="50"/>
    <cellStyle name="Millares 10 2 3" xfId="51"/>
    <cellStyle name="Millares 10 2 3 2" xfId="52"/>
    <cellStyle name="Millares 10 2 4" xfId="53"/>
    <cellStyle name="Millares 10 2 4 2" xfId="54"/>
    <cellStyle name="Millares 10 2 5" xfId="55"/>
    <cellStyle name="Millares 10 2 6" xfId="56"/>
    <cellStyle name="Millares 10 2 7" xfId="57"/>
    <cellStyle name="Millares 10 3" xfId="58"/>
    <cellStyle name="Millares 10 3 2" xfId="59"/>
    <cellStyle name="Millares 10 3 2 2" xfId="60"/>
    <cellStyle name="Millares 10 3 2 3" xfId="61"/>
    <cellStyle name="Millares 10 3 3" xfId="62"/>
    <cellStyle name="Millares 10 3 3 2" xfId="63"/>
    <cellStyle name="Millares 10 3 3 3" xfId="64"/>
    <cellStyle name="Millares 10 3 4" xfId="65"/>
    <cellStyle name="Millares 10 3 4 2" xfId="66"/>
    <cellStyle name="Millares 10 3 4 3" xfId="67"/>
    <cellStyle name="Millares 10 3 5" xfId="68"/>
    <cellStyle name="Millares 10 3 6" xfId="69"/>
    <cellStyle name="Millares 10 4" xfId="70"/>
    <cellStyle name="Millares 100" xfId="71"/>
    <cellStyle name="Millares 100 2" xfId="72"/>
    <cellStyle name="Millares 101" xfId="73"/>
    <cellStyle name="Millares 101 2" xfId="74"/>
    <cellStyle name="Millares 102" xfId="75"/>
    <cellStyle name="Millares 103" xfId="76"/>
    <cellStyle name="Millares 11" xfId="77"/>
    <cellStyle name="Millares 11 2" xfId="78"/>
    <cellStyle name="Millares 11 2 2" xfId="79"/>
    <cellStyle name="Millares 11 2 2 2" xfId="80"/>
    <cellStyle name="Millares 11 2 2 2 2" xfId="81"/>
    <cellStyle name="Millares 11 2 2 2 2 2" xfId="82"/>
    <cellStyle name="Millares 11 2 2 2 2 3" xfId="83"/>
    <cellStyle name="Millares 11 2 2 2 2 4" xfId="84"/>
    <cellStyle name="Millares 11 2 2 2 2 5" xfId="85"/>
    <cellStyle name="Millares 11 2 2 2 2 6" xfId="86"/>
    <cellStyle name="Millares 11 2 2 2 2 7" xfId="87"/>
    <cellStyle name="Millares 11 2 2 2 2 8" xfId="88"/>
    <cellStyle name="Millares 11 2 2 2 3" xfId="89"/>
    <cellStyle name="Millares 11 2 2 2 4" xfId="90"/>
    <cellStyle name="Millares 11 2 2 2 5" xfId="91"/>
    <cellStyle name="Millares 11 2 2 2 6" xfId="92"/>
    <cellStyle name="Millares 11 2 2 2 7" xfId="93"/>
    <cellStyle name="Millares 11 2 2 2 8" xfId="94"/>
    <cellStyle name="Millares 11 2 2 2 9" xfId="95"/>
    <cellStyle name="Millares 11 2 3" xfId="96"/>
    <cellStyle name="Millares 11 2 4" xfId="97"/>
    <cellStyle name="Millares 11 3" xfId="98"/>
    <cellStyle name="Millares 11 3 2" xfId="99"/>
    <cellStyle name="Millares 11 3 3" xfId="100"/>
    <cellStyle name="Millares 11 4" xfId="101"/>
    <cellStyle name="Millares 11 4 10" xfId="102"/>
    <cellStyle name="Millares 11 4 2" xfId="103"/>
    <cellStyle name="Millares 11 4 2 2" xfId="104"/>
    <cellStyle name="Millares 11 4 2 2 2" xfId="105"/>
    <cellStyle name="Millares 11 4 2 2 3" xfId="106"/>
    <cellStyle name="Millares 11 4 2 2 4" xfId="107"/>
    <cellStyle name="Millares 11 4 2 2 5" xfId="108"/>
    <cellStyle name="Millares 11 4 2 2 6" xfId="109"/>
    <cellStyle name="Millares 11 4 2 2 7" xfId="110"/>
    <cellStyle name="Millares 11 4 2 2 8" xfId="111"/>
    <cellStyle name="Millares 11 4 2 3" xfId="112"/>
    <cellStyle name="Millares 11 4 2 4" xfId="113"/>
    <cellStyle name="Millares 11 4 2 5" xfId="114"/>
    <cellStyle name="Millares 11 4 2 6" xfId="115"/>
    <cellStyle name="Millares 11 4 2 7" xfId="116"/>
    <cellStyle name="Millares 11 4 2 8" xfId="117"/>
    <cellStyle name="Millares 11 4 2 9" xfId="118"/>
    <cellStyle name="Millares 11 4 3" xfId="119"/>
    <cellStyle name="Millares 11 4 3 2" xfId="120"/>
    <cellStyle name="Millares 11 4 3 3" xfId="121"/>
    <cellStyle name="Millares 11 4 3 4" xfId="122"/>
    <cellStyle name="Millares 11 4 3 5" xfId="123"/>
    <cellStyle name="Millares 11 4 3 6" xfId="124"/>
    <cellStyle name="Millares 11 4 3 7" xfId="125"/>
    <cellStyle name="Millares 11 4 3 8" xfId="126"/>
    <cellStyle name="Millares 11 4 4" xfId="127"/>
    <cellStyle name="Millares 11 4 5" xfId="128"/>
    <cellStyle name="Millares 11 4 6" xfId="129"/>
    <cellStyle name="Millares 11 4 7" xfId="130"/>
    <cellStyle name="Millares 11 4 8" xfId="131"/>
    <cellStyle name="Millares 11 4 9" xfId="132"/>
    <cellStyle name="Millares 11 5" xfId="133"/>
    <cellStyle name="Millares 11 5 2" xfId="134"/>
    <cellStyle name="Millares 11 5 2 2" xfId="135"/>
    <cellStyle name="Millares 11 5 2 3" xfId="136"/>
    <cellStyle name="Millares 11 5 2 4" xfId="137"/>
    <cellStyle name="Millares 11 5 2 5" xfId="138"/>
    <cellStyle name="Millares 11 5 2 6" xfId="139"/>
    <cellStyle name="Millares 11 5 2 7" xfId="140"/>
    <cellStyle name="Millares 11 5 2 8" xfId="141"/>
    <cellStyle name="Millares 11 5 3" xfId="142"/>
    <cellStyle name="Millares 11 5 4" xfId="143"/>
    <cellStyle name="Millares 11 5 5" xfId="144"/>
    <cellStyle name="Millares 11 5 6" xfId="145"/>
    <cellStyle name="Millares 11 5 7" xfId="146"/>
    <cellStyle name="Millares 11 5 8" xfId="147"/>
    <cellStyle name="Millares 11 5 9" xfId="148"/>
    <cellStyle name="Millares 11 6" xfId="149"/>
    <cellStyle name="Millares 11 6 2" xfId="150"/>
    <cellStyle name="Millares 11 6 2 2" xfId="151"/>
    <cellStyle name="Millares 11 6 2 3" xfId="152"/>
    <cellStyle name="Millares 11 6 2 4" xfId="153"/>
    <cellStyle name="Millares 11 6 2 5" xfId="154"/>
    <cellStyle name="Millares 11 6 2 6" xfId="155"/>
    <cellStyle name="Millares 11 6 2 7" xfId="156"/>
    <cellStyle name="Millares 11 6 2 8" xfId="157"/>
    <cellStyle name="Millares 11 6 3" xfId="158"/>
    <cellStyle name="Millares 11 6 4" xfId="159"/>
    <cellStyle name="Millares 11 6 5" xfId="160"/>
    <cellStyle name="Millares 11 6 6" xfId="161"/>
    <cellStyle name="Millares 11 6 7" xfId="162"/>
    <cellStyle name="Millares 11 6 8" xfId="163"/>
    <cellStyle name="Millares 11 6 9" xfId="164"/>
    <cellStyle name="Millares 11 7" xfId="165"/>
    <cellStyle name="Millares 11 8" xfId="166"/>
    <cellStyle name="Millares 12" xfId="167"/>
    <cellStyle name="Millares 12 2" xfId="168"/>
    <cellStyle name="Millares 12 2 2" xfId="169"/>
    <cellStyle name="Millares 12 2 2 2" xfId="170"/>
    <cellStyle name="Millares 12 2 2 3" xfId="171"/>
    <cellStyle name="Millares 12 2 2 4" xfId="172"/>
    <cellStyle name="Millares 12 3" xfId="173"/>
    <cellStyle name="Millares 12 4" xfId="174"/>
    <cellStyle name="Millares 13" xfId="175"/>
    <cellStyle name="Millares 13 2" xfId="176"/>
    <cellStyle name="Millares 13 2 2" xfId="177"/>
    <cellStyle name="Millares 13 2 3" xfId="178"/>
    <cellStyle name="Millares 14" xfId="179"/>
    <cellStyle name="Millares 15" xfId="180"/>
    <cellStyle name="Millares 15 2" xfId="181"/>
    <cellStyle name="Millares 16" xfId="182"/>
    <cellStyle name="Millares 16 2" xfId="183"/>
    <cellStyle name="Millares 17" xfId="184"/>
    <cellStyle name="Millares 18" xfId="185"/>
    <cellStyle name="Millares 19" xfId="186"/>
    <cellStyle name="Millares 19 2" xfId="187"/>
    <cellStyle name="Millares 19 3" xfId="188"/>
    <cellStyle name="Millares 19 3 2" xfId="189"/>
    <cellStyle name="Millares 19 3 3" xfId="190"/>
    <cellStyle name="Millares 2" xfId="191"/>
    <cellStyle name="Millares 2 10" xfId="192"/>
    <cellStyle name="Millares 2 10 2" xfId="193"/>
    <cellStyle name="Millares 2 10 3" xfId="194"/>
    <cellStyle name="Millares 2 11" xfId="195"/>
    <cellStyle name="Millares 2 11 2" xfId="196"/>
    <cellStyle name="Millares 2 11 3" xfId="197"/>
    <cellStyle name="Millares 2 12" xfId="198"/>
    <cellStyle name="Millares 2 12 2" xfId="199"/>
    <cellStyle name="Millares 2 12 3" xfId="200"/>
    <cellStyle name="Millares 2 13" xfId="201"/>
    <cellStyle name="Millares 2 13 2" xfId="202"/>
    <cellStyle name="Millares 2 13 3" xfId="203"/>
    <cellStyle name="Millares 2 14" xfId="204"/>
    <cellStyle name="Millares 2 14 2" xfId="205"/>
    <cellStyle name="Millares 2 14 3" xfId="206"/>
    <cellStyle name="Millares 2 15" xfId="207"/>
    <cellStyle name="Millares 2 15 2" xfId="208"/>
    <cellStyle name="Millares 2 15 3" xfId="209"/>
    <cellStyle name="Millares 2 16" xfId="210"/>
    <cellStyle name="Millares 2 16 2" xfId="211"/>
    <cellStyle name="Millares 2 16 3" xfId="212"/>
    <cellStyle name="Millares 2 17" xfId="213"/>
    <cellStyle name="Millares 2 17 2" xfId="214"/>
    <cellStyle name="Millares 2 17 3" xfId="215"/>
    <cellStyle name="Millares 2 18" xfId="216"/>
    <cellStyle name="Millares 2 18 2" xfId="217"/>
    <cellStyle name="Millares 2 18 3" xfId="218"/>
    <cellStyle name="Millares 2 19" xfId="219"/>
    <cellStyle name="Millares 2 19 2" xfId="220"/>
    <cellStyle name="Millares 2 19 3" xfId="221"/>
    <cellStyle name="Millares 2 2" xfId="222"/>
    <cellStyle name="Millares 2 2 10" xfId="223"/>
    <cellStyle name="Millares 2 2 10 2" xfId="224"/>
    <cellStyle name="Millares 2 2 10 3" xfId="225"/>
    <cellStyle name="Millares 2 2 11" xfId="226"/>
    <cellStyle name="Millares 2 2 11 2" xfId="227"/>
    <cellStyle name="Millares 2 2 11 3" xfId="228"/>
    <cellStyle name="Millares 2 2 12" xfId="229"/>
    <cellStyle name="Millares 2 2 12 2" xfId="230"/>
    <cellStyle name="Millares 2 2 12 3" xfId="231"/>
    <cellStyle name="Millares 2 2 13" xfId="232"/>
    <cellStyle name="Millares 2 2 13 2" xfId="233"/>
    <cellStyle name="Millares 2 2 13 3" xfId="234"/>
    <cellStyle name="Millares 2 2 14" xfId="235"/>
    <cellStyle name="Millares 2 2 14 2" xfId="236"/>
    <cellStyle name="Millares 2 2 14 3" xfId="237"/>
    <cellStyle name="Millares 2 2 15" xfId="238"/>
    <cellStyle name="Millares 2 2 15 2" xfId="239"/>
    <cellStyle name="Millares 2 2 15 3" xfId="240"/>
    <cellStyle name="Millares 2 2 16" xfId="241"/>
    <cellStyle name="Millares 2 2 16 2" xfId="242"/>
    <cellStyle name="Millares 2 2 16 3" xfId="243"/>
    <cellStyle name="Millares 2 2 17" xfId="244"/>
    <cellStyle name="Millares 2 2 17 2" xfId="245"/>
    <cellStyle name="Millares 2 2 17 3" xfId="246"/>
    <cellStyle name="Millares 2 2 18" xfId="247"/>
    <cellStyle name="Millares 2 2 18 2" xfId="248"/>
    <cellStyle name="Millares 2 2 18 3" xfId="249"/>
    <cellStyle name="Millares 2 2 19" xfId="250"/>
    <cellStyle name="Millares 2 2 19 2" xfId="251"/>
    <cellStyle name="Millares 2 2 19 3" xfId="252"/>
    <cellStyle name="Millares 2 2 2" xfId="253"/>
    <cellStyle name="Millares 2 2 2 2" xfId="254"/>
    <cellStyle name="Millares 2 2 2 2 2" xfId="255"/>
    <cellStyle name="Millares 2 2 2 2 3" xfId="256"/>
    <cellStyle name="Millares 2 2 2 3" xfId="257"/>
    <cellStyle name="Millares 2 2 2 4" xfId="258"/>
    <cellStyle name="Millares 2 2 20" xfId="259"/>
    <cellStyle name="Millares 2 2 20 2" xfId="260"/>
    <cellStyle name="Millares 2 2 20 3" xfId="261"/>
    <cellStyle name="Millares 2 2 21" xfId="262"/>
    <cellStyle name="Millares 2 2 21 2" xfId="263"/>
    <cellStyle name="Millares 2 2 21 3" xfId="264"/>
    <cellStyle name="Millares 2 2 22" xfId="265"/>
    <cellStyle name="Millares 2 2 22 2" xfId="266"/>
    <cellStyle name="Millares 2 2 22 3" xfId="267"/>
    <cellStyle name="Millares 2 2 23" xfId="268"/>
    <cellStyle name="Millares 2 2 23 2" xfId="269"/>
    <cellStyle name="Millares 2 2 23 3" xfId="270"/>
    <cellStyle name="Millares 2 2 24" xfId="271"/>
    <cellStyle name="Millares 2 2 24 2" xfId="272"/>
    <cellStyle name="Millares 2 2 24 3" xfId="273"/>
    <cellStyle name="Millares 2 2 25" xfId="274"/>
    <cellStyle name="Millares 2 2 25 2" xfId="275"/>
    <cellStyle name="Millares 2 2 25 3" xfId="276"/>
    <cellStyle name="Millares 2 2 26" xfId="277"/>
    <cellStyle name="Millares 2 2 26 2" xfId="278"/>
    <cellStyle name="Millares 2 2 26 3" xfId="279"/>
    <cellStyle name="Millares 2 2 27" xfId="280"/>
    <cellStyle name="Millares 2 2 27 2" xfId="281"/>
    <cellStyle name="Millares 2 2 27 3" xfId="282"/>
    <cellStyle name="Millares 2 2 28" xfId="283"/>
    <cellStyle name="Millares 2 2 28 2" xfId="284"/>
    <cellStyle name="Millares 2 2 28 3" xfId="285"/>
    <cellStyle name="Millares 2 2 29" xfId="286"/>
    <cellStyle name="Millares 2 2 29 2" xfId="287"/>
    <cellStyle name="Millares 2 2 29 3" xfId="288"/>
    <cellStyle name="Millares 2 2 3" xfId="289"/>
    <cellStyle name="Millares 2 2 3 2" xfId="290"/>
    <cellStyle name="Millares 2 2 3 3" xfId="291"/>
    <cellStyle name="Millares 2 2 30" xfId="292"/>
    <cellStyle name="Millares 2 2 30 2" xfId="293"/>
    <cellStyle name="Millares 2 2 30 3" xfId="294"/>
    <cellStyle name="Millares 2 2 31" xfId="295"/>
    <cellStyle name="Millares 2 2 31 2" xfId="296"/>
    <cellStyle name="Millares 2 2 31 3" xfId="297"/>
    <cellStyle name="Millares 2 2 32" xfId="298"/>
    <cellStyle name="Millares 2 2 32 2" xfId="299"/>
    <cellStyle name="Millares 2 2 32 3" xfId="300"/>
    <cellStyle name="Millares 2 2 33" xfId="301"/>
    <cellStyle name="Millares 2 2 33 2" xfId="302"/>
    <cellStyle name="Millares 2 2 33 3" xfId="303"/>
    <cellStyle name="Millares 2 2 34" xfId="304"/>
    <cellStyle name="Millares 2 2 34 2" xfId="305"/>
    <cellStyle name="Millares 2 2 34 3" xfId="306"/>
    <cellStyle name="Millares 2 2 35" xfId="307"/>
    <cellStyle name="Millares 2 2 36" xfId="308"/>
    <cellStyle name="Millares 2 2 4" xfId="309"/>
    <cellStyle name="Millares 2 2 4 2" xfId="310"/>
    <cellStyle name="Millares 2 2 4 3" xfId="311"/>
    <cellStyle name="Millares 2 2 5" xfId="312"/>
    <cellStyle name="Millares 2 2 5 2" xfId="313"/>
    <cellStyle name="Millares 2 2 5 3" xfId="314"/>
    <cellStyle name="Millares 2 2 6" xfId="315"/>
    <cellStyle name="Millares 2 2 6 2" xfId="316"/>
    <cellStyle name="Millares 2 2 6 3" xfId="317"/>
    <cellStyle name="Millares 2 2 7" xfId="318"/>
    <cellStyle name="Millares 2 2 7 2" xfId="319"/>
    <cellStyle name="Millares 2 2 7 3" xfId="320"/>
    <cellStyle name="Millares 2 2 8" xfId="321"/>
    <cellStyle name="Millares 2 2 8 2" xfId="322"/>
    <cellStyle name="Millares 2 2 8 3" xfId="323"/>
    <cellStyle name="Millares 2 2 9" xfId="324"/>
    <cellStyle name="Millares 2 2 9 2" xfId="325"/>
    <cellStyle name="Millares 2 2 9 3" xfId="326"/>
    <cellStyle name="Millares 2 20" xfId="327"/>
    <cellStyle name="Millares 2 20 2" xfId="328"/>
    <cellStyle name="Millares 2 20 3" xfId="329"/>
    <cellStyle name="Millares 2 21" xfId="330"/>
    <cellStyle name="Millares 2 21 2" xfId="331"/>
    <cellStyle name="Millares 2 21 3" xfId="332"/>
    <cellStyle name="Millares 2 22" xfId="333"/>
    <cellStyle name="Millares 2 22 2" xfId="334"/>
    <cellStyle name="Millares 2 22 3" xfId="335"/>
    <cellStyle name="Millares 2 23" xfId="336"/>
    <cellStyle name="Millares 2 23 2" xfId="337"/>
    <cellStyle name="Millares 2 23 3" xfId="338"/>
    <cellStyle name="Millares 2 24" xfId="339"/>
    <cellStyle name="Millares 2 24 2" xfId="340"/>
    <cellStyle name="Millares 2 24 3" xfId="341"/>
    <cellStyle name="Millares 2 25" xfId="342"/>
    <cellStyle name="Millares 2 25 2" xfId="343"/>
    <cellStyle name="Millares 2 25 3" xfId="344"/>
    <cellStyle name="Millares 2 26" xfId="345"/>
    <cellStyle name="Millares 2 26 2" xfId="346"/>
    <cellStyle name="Millares 2 26 3" xfId="347"/>
    <cellStyle name="Millares 2 27" xfId="348"/>
    <cellStyle name="Millares 2 27 2" xfId="349"/>
    <cellStyle name="Millares 2 27 3" xfId="350"/>
    <cellStyle name="Millares 2 28" xfId="351"/>
    <cellStyle name="Millares 2 28 2" xfId="352"/>
    <cellStyle name="Millares 2 28 3" xfId="353"/>
    <cellStyle name="Millares 2 29" xfId="354"/>
    <cellStyle name="Millares 2 29 2" xfId="355"/>
    <cellStyle name="Millares 2 29 3" xfId="356"/>
    <cellStyle name="Millares 2 3" xfId="357"/>
    <cellStyle name="Millares 2 3 2" xfId="358"/>
    <cellStyle name="Millares 2 3 3" xfId="359"/>
    <cellStyle name="Millares 2 3 4" xfId="360"/>
    <cellStyle name="Millares 2 3 5" xfId="361"/>
    <cellStyle name="Millares 2 30" xfId="362"/>
    <cellStyle name="Millares 2 30 2" xfId="363"/>
    <cellStyle name="Millares 2 30 3" xfId="364"/>
    <cellStyle name="Millares 2 31" xfId="365"/>
    <cellStyle name="Millares 2 31 2" xfId="366"/>
    <cellStyle name="Millares 2 31 3" xfId="367"/>
    <cellStyle name="Millares 2 32" xfId="368"/>
    <cellStyle name="Millares 2 32 2" xfId="369"/>
    <cellStyle name="Millares 2 32 3" xfId="370"/>
    <cellStyle name="Millares 2 33" xfId="371"/>
    <cellStyle name="Millares 2 33 2" xfId="372"/>
    <cellStyle name="Millares 2 33 3" xfId="373"/>
    <cellStyle name="Millares 2 34" xfId="374"/>
    <cellStyle name="Millares 2 34 2" xfId="375"/>
    <cellStyle name="Millares 2 34 3" xfId="376"/>
    <cellStyle name="Millares 2 35" xfId="377"/>
    <cellStyle name="Millares 2 35 2" xfId="378"/>
    <cellStyle name="Millares 2 35 3" xfId="379"/>
    <cellStyle name="Millares 2 36" xfId="380"/>
    <cellStyle name="Millares 2 36 2" xfId="381"/>
    <cellStyle name="Millares 2 36 3" xfId="382"/>
    <cellStyle name="Millares 2 37" xfId="383"/>
    <cellStyle name="Millares 2 37 2" xfId="384"/>
    <cellStyle name="Millares 2 37 3" xfId="385"/>
    <cellStyle name="Millares 2 38" xfId="386"/>
    <cellStyle name="Millares 2 38 2" xfId="387"/>
    <cellStyle name="Millares 2 38 3" xfId="388"/>
    <cellStyle name="Millares 2 39" xfId="389"/>
    <cellStyle name="Millares 2 39 2" xfId="390"/>
    <cellStyle name="Millares 2 39 3" xfId="391"/>
    <cellStyle name="Millares 2 4" xfId="392"/>
    <cellStyle name="Millares 2 4 2" xfId="393"/>
    <cellStyle name="Millares 2 4 2 2" xfId="394"/>
    <cellStyle name="Millares 2 4 2 3" xfId="395"/>
    <cellStyle name="Millares 2 4 3" xfId="396"/>
    <cellStyle name="Millares 2 4 4" xfId="397"/>
    <cellStyle name="Millares 2 40" xfId="398"/>
    <cellStyle name="Millares 2 40 2" xfId="399"/>
    <cellStyle name="Millares 2 40 3" xfId="400"/>
    <cellStyle name="Millares 2 41" xfId="401"/>
    <cellStyle name="Millares 2 41 2" xfId="402"/>
    <cellStyle name="Millares 2 41 3" xfId="403"/>
    <cellStyle name="Millares 2 42" xfId="404"/>
    <cellStyle name="Millares 2 42 2" xfId="405"/>
    <cellStyle name="Millares 2 42 3" xfId="406"/>
    <cellStyle name="Millares 2 43" xfId="407"/>
    <cellStyle name="Millares 2 43 2" xfId="408"/>
    <cellStyle name="Millares 2 43 3" xfId="409"/>
    <cellStyle name="Millares 2 44" xfId="410"/>
    <cellStyle name="Millares 2 44 2" xfId="411"/>
    <cellStyle name="Millares 2 44 3" xfId="412"/>
    <cellStyle name="Millares 2 45" xfId="413"/>
    <cellStyle name="Millares 2 45 2" xfId="414"/>
    <cellStyle name="Millares 2 45 3" xfId="415"/>
    <cellStyle name="Millares 2 46" xfId="416"/>
    <cellStyle name="Millares 2 46 2" xfId="417"/>
    <cellStyle name="Millares 2 46 3" xfId="418"/>
    <cellStyle name="Millares 2 47" xfId="419"/>
    <cellStyle name="Millares 2 47 2" xfId="420"/>
    <cellStyle name="Millares 2 47 3" xfId="421"/>
    <cellStyle name="Millares 2 48" xfId="422"/>
    <cellStyle name="Millares 2 48 2" xfId="423"/>
    <cellStyle name="Millares 2 48 3" xfId="424"/>
    <cellStyle name="Millares 2 49" xfId="425"/>
    <cellStyle name="Millares 2 49 2" xfId="426"/>
    <cellStyle name="Millares 2 49 3" xfId="427"/>
    <cellStyle name="Millares 2 5" xfId="428"/>
    <cellStyle name="Millares 2 5 2" xfId="429"/>
    <cellStyle name="Millares 2 5 3" xfId="430"/>
    <cellStyle name="Millares 2 5 3 2" xfId="431"/>
    <cellStyle name="Millares 2 5 3 3" xfId="432"/>
    <cellStyle name="Millares 2 5 4" xfId="433"/>
    <cellStyle name="Millares 2 5 5" xfId="434"/>
    <cellStyle name="Millares 2 50" xfId="435"/>
    <cellStyle name="Millares 2 50 2" xfId="436"/>
    <cellStyle name="Millares 2 50 3" xfId="437"/>
    <cellStyle name="Millares 2 51" xfId="438"/>
    <cellStyle name="Millares 2 51 2" xfId="439"/>
    <cellStyle name="Millares 2 51 3" xfId="440"/>
    <cellStyle name="Millares 2 52" xfId="441"/>
    <cellStyle name="Millares 2 52 2" xfId="442"/>
    <cellStyle name="Millares 2 52 3" xfId="443"/>
    <cellStyle name="Millares 2 53" xfId="444"/>
    <cellStyle name="Millares 2 53 2" xfId="445"/>
    <cellStyle name="Millares 2 53 3" xfId="446"/>
    <cellStyle name="Millares 2 54" xfId="447"/>
    <cellStyle name="Millares 2 54 2" xfId="448"/>
    <cellStyle name="Millares 2 54 3" xfId="449"/>
    <cellStyle name="Millares 2 55" xfId="450"/>
    <cellStyle name="Millares 2 55 2" xfId="451"/>
    <cellStyle name="Millares 2 55 3" xfId="452"/>
    <cellStyle name="Millares 2 56" xfId="453"/>
    <cellStyle name="Millares 2 56 2" xfId="454"/>
    <cellStyle name="Millares 2 56 3" xfId="455"/>
    <cellStyle name="Millares 2 57" xfId="456"/>
    <cellStyle name="Millares 2 57 2" xfId="457"/>
    <cellStyle name="Millares 2 57 3" xfId="458"/>
    <cellStyle name="Millares 2 58" xfId="459"/>
    <cellStyle name="Millares 2 58 2" xfId="460"/>
    <cellStyle name="Millares 2 58 3" xfId="461"/>
    <cellStyle name="Millares 2 59" xfId="462"/>
    <cellStyle name="Millares 2 59 2" xfId="463"/>
    <cellStyle name="Millares 2 59 3" xfId="464"/>
    <cellStyle name="Millares 2 6" xfId="465"/>
    <cellStyle name="Millares 2 6 2" xfId="466"/>
    <cellStyle name="Millares 2 6 3" xfId="467"/>
    <cellStyle name="Millares 2 60" xfId="468"/>
    <cellStyle name="Millares 2 60 2" xfId="469"/>
    <cellStyle name="Millares 2 60 3" xfId="470"/>
    <cellStyle name="Millares 2 61" xfId="471"/>
    <cellStyle name="Millares 2 61 2" xfId="472"/>
    <cellStyle name="Millares 2 61 3" xfId="473"/>
    <cellStyle name="Millares 2 62" xfId="474"/>
    <cellStyle name="Millares 2 62 2" xfId="475"/>
    <cellStyle name="Millares 2 62 3" xfId="476"/>
    <cellStyle name="Millares 2 63" xfId="477"/>
    <cellStyle name="Millares 2 63 2" xfId="478"/>
    <cellStyle name="Millares 2 63 3" xfId="479"/>
    <cellStyle name="Millares 2 7" xfId="480"/>
    <cellStyle name="Millares 2 7 2" xfId="481"/>
    <cellStyle name="Millares 2 7 3" xfId="482"/>
    <cellStyle name="Millares 2 8" xfId="483"/>
    <cellStyle name="Millares 2 8 2" xfId="484"/>
    <cellStyle name="Millares 2 8 3" xfId="485"/>
    <cellStyle name="Millares 2 9" xfId="486"/>
    <cellStyle name="Millares 2 9 2" xfId="487"/>
    <cellStyle name="Millares 2 9 3" xfId="488"/>
    <cellStyle name="Millares 2_FG02-2 MATRIZ POR MES" xfId="489"/>
    <cellStyle name="Millares 20" xfId="490"/>
    <cellStyle name="Millares 20 2" xfId="491"/>
    <cellStyle name="Millares 21" xfId="492"/>
    <cellStyle name="Millares 21 2" xfId="493"/>
    <cellStyle name="Millares 22" xfId="494"/>
    <cellStyle name="Millares 22 2" xfId="495"/>
    <cellStyle name="Millares 22 3" xfId="496"/>
    <cellStyle name="Millares 22 3 2" xfId="497"/>
    <cellStyle name="Millares 22 3 3" xfId="498"/>
    <cellStyle name="Millares 23" xfId="499"/>
    <cellStyle name="Millares 24" xfId="500"/>
    <cellStyle name="Millares 24 2" xfId="501"/>
    <cellStyle name="Millares 25" xfId="502"/>
    <cellStyle name="Millares 25 2" xfId="503"/>
    <cellStyle name="Millares 26" xfId="504"/>
    <cellStyle name="Millares 26 2" xfId="505"/>
    <cellStyle name="Millares 27" xfId="506"/>
    <cellStyle name="Millares 27 2" xfId="507"/>
    <cellStyle name="Millares 28" xfId="508"/>
    <cellStyle name="Millares 28 2" xfId="509"/>
    <cellStyle name="Millares 29" xfId="510"/>
    <cellStyle name="Millares 3" xfId="511"/>
    <cellStyle name="Millares 3 10" xfId="512"/>
    <cellStyle name="Millares 3 11" xfId="513"/>
    <cellStyle name="Millares 3 12" xfId="514"/>
    <cellStyle name="Millares 3 13" xfId="515"/>
    <cellStyle name="Millares 3 14" xfId="516"/>
    <cellStyle name="Millares 3 15" xfId="517"/>
    <cellStyle name="Millares 3 16" xfId="518"/>
    <cellStyle name="Millares 3 17" xfId="519"/>
    <cellStyle name="Millares 3 18" xfId="520"/>
    <cellStyle name="Millares 3 19" xfId="521"/>
    <cellStyle name="Millares 3 2" xfId="522"/>
    <cellStyle name="Millares 3 2 10" xfId="523"/>
    <cellStyle name="Millares 3 2 10 2" xfId="524"/>
    <cellStyle name="Millares 3 2 11" xfId="525"/>
    <cellStyle name="Millares 3 2 12" xfId="526"/>
    <cellStyle name="Millares 3 2 13" xfId="527"/>
    <cellStyle name="Millares 3 2 14" xfId="528"/>
    <cellStyle name="Millares 3 2 15" xfId="529"/>
    <cellStyle name="Millares 3 2 16" xfId="530"/>
    <cellStyle name="Millares 3 2 17" xfId="531"/>
    <cellStyle name="Millares 3 2 18" xfId="532"/>
    <cellStyle name="Millares 3 2 19" xfId="533"/>
    <cellStyle name="Millares 3 2 2" xfId="534"/>
    <cellStyle name="Millares 3 2 20" xfId="535"/>
    <cellStyle name="Millares 3 2 21" xfId="536"/>
    <cellStyle name="Millares 3 2 22" xfId="537"/>
    <cellStyle name="Millares 3 2 23" xfId="538"/>
    <cellStyle name="Millares 3 2 24" xfId="539"/>
    <cellStyle name="Millares 3 2 25" xfId="540"/>
    <cellStyle name="Millares 3 2 26" xfId="541"/>
    <cellStyle name="Millares 3 2 27" xfId="542"/>
    <cellStyle name="Millares 3 2 28" xfId="543"/>
    <cellStyle name="Millares 3 2 29" xfId="544"/>
    <cellStyle name="Millares 3 2 3" xfId="545"/>
    <cellStyle name="Millares 3 2 30" xfId="546"/>
    <cellStyle name="Millares 3 2 31" xfId="547"/>
    <cellStyle name="Millares 3 2 32" xfId="548"/>
    <cellStyle name="Millares 3 2 4" xfId="549"/>
    <cellStyle name="Millares 3 2 5" xfId="550"/>
    <cellStyle name="Millares 3 2 6" xfId="551"/>
    <cellStyle name="Millares 3 2 7" xfId="552"/>
    <cellStyle name="Millares 3 2 8" xfId="553"/>
    <cellStyle name="Millares 3 2 9" xfId="554"/>
    <cellStyle name="Millares 3 20" xfId="555"/>
    <cellStyle name="Millares 3 21" xfId="556"/>
    <cellStyle name="Millares 3 22" xfId="557"/>
    <cellStyle name="Millares 3 23" xfId="558"/>
    <cellStyle name="Millares 3 24" xfId="559"/>
    <cellStyle name="Millares 3 25" xfId="560"/>
    <cellStyle name="Millares 3 26" xfId="561"/>
    <cellStyle name="Millares 3 27" xfId="562"/>
    <cellStyle name="Millares 3 28" xfId="563"/>
    <cellStyle name="Millares 3 29" xfId="564"/>
    <cellStyle name="Millares 3 3" xfId="565"/>
    <cellStyle name="Millares 3 3 10" xfId="566"/>
    <cellStyle name="Millares 3 3 11" xfId="567"/>
    <cellStyle name="Millares 3 3 12" xfId="568"/>
    <cellStyle name="Millares 3 3 13" xfId="569"/>
    <cellStyle name="Millares 3 3 14" xfId="570"/>
    <cellStyle name="Millares 3 3 15" xfId="571"/>
    <cellStyle name="Millares 3 3 16" xfId="572"/>
    <cellStyle name="Millares 3 3 17" xfId="573"/>
    <cellStyle name="Millares 3 3 18" xfId="574"/>
    <cellStyle name="Millares 3 3 19" xfId="575"/>
    <cellStyle name="Millares 3 3 2" xfId="576"/>
    <cellStyle name="Millares 3 3 20" xfId="577"/>
    <cellStyle name="Millares 3 3 21" xfId="578"/>
    <cellStyle name="Millares 3 3 22" xfId="579"/>
    <cellStyle name="Millares 3 3 23" xfId="580"/>
    <cellStyle name="Millares 3 3 24" xfId="581"/>
    <cellStyle name="Millares 3 3 25" xfId="582"/>
    <cellStyle name="Millares 3 3 26" xfId="583"/>
    <cellStyle name="Millares 3 3 27" xfId="584"/>
    <cellStyle name="Millares 3 3 28" xfId="585"/>
    <cellStyle name="Millares 3 3 29" xfId="586"/>
    <cellStyle name="Millares 3 3 3" xfId="587"/>
    <cellStyle name="Millares 3 3 4" xfId="588"/>
    <cellStyle name="Millares 3 3 5" xfId="589"/>
    <cellStyle name="Millares 3 3 6" xfId="590"/>
    <cellStyle name="Millares 3 3 7" xfId="591"/>
    <cellStyle name="Millares 3 3 8" xfId="592"/>
    <cellStyle name="Millares 3 3 9" xfId="593"/>
    <cellStyle name="Millares 3 30" xfId="594"/>
    <cellStyle name="Millares 3 31" xfId="595"/>
    <cellStyle name="Millares 3 32" xfId="596"/>
    <cellStyle name="Millares 3 33" xfId="597"/>
    <cellStyle name="Millares 3 34" xfId="598"/>
    <cellStyle name="Millares 3 35" xfId="599"/>
    <cellStyle name="Millares 3 36" xfId="600"/>
    <cellStyle name="Millares 3 37" xfId="601"/>
    <cellStyle name="Millares 3 37 2" xfId="602"/>
    <cellStyle name="Millares 3 38" xfId="603"/>
    <cellStyle name="Millares 3 39" xfId="604"/>
    <cellStyle name="Millares 3 4" xfId="605"/>
    <cellStyle name="Millares 3 4 10" xfId="606"/>
    <cellStyle name="Millares 3 4 11" xfId="607"/>
    <cellStyle name="Millares 3 4 12" xfId="608"/>
    <cellStyle name="Millares 3 4 13" xfId="609"/>
    <cellStyle name="Millares 3 4 14" xfId="610"/>
    <cellStyle name="Millares 3 4 15" xfId="611"/>
    <cellStyle name="Millares 3 4 16" xfId="612"/>
    <cellStyle name="Millares 3 4 17" xfId="613"/>
    <cellStyle name="Millares 3 4 18" xfId="614"/>
    <cellStyle name="Millares 3 4 19" xfId="615"/>
    <cellStyle name="Millares 3 4 2" xfId="616"/>
    <cellStyle name="Millares 3 4 20" xfId="617"/>
    <cellStyle name="Millares 3 4 21" xfId="618"/>
    <cellStyle name="Millares 3 4 22" xfId="619"/>
    <cellStyle name="Millares 3 4 23" xfId="620"/>
    <cellStyle name="Millares 3 4 24" xfId="621"/>
    <cellStyle name="Millares 3 4 25" xfId="622"/>
    <cellStyle name="Millares 3 4 26" xfId="623"/>
    <cellStyle name="Millares 3 4 27" xfId="624"/>
    <cellStyle name="Millares 3 4 28" xfId="625"/>
    <cellStyle name="Millares 3 4 29" xfId="626"/>
    <cellStyle name="Millares 3 4 3" xfId="627"/>
    <cellStyle name="Millares 3 4 4" xfId="628"/>
    <cellStyle name="Millares 3 4 5" xfId="629"/>
    <cellStyle name="Millares 3 4 6" xfId="630"/>
    <cellStyle name="Millares 3 4 7" xfId="631"/>
    <cellStyle name="Millares 3 4 8" xfId="632"/>
    <cellStyle name="Millares 3 4 9" xfId="633"/>
    <cellStyle name="Millares 3 40" xfId="634"/>
    <cellStyle name="Millares 3 41" xfId="635"/>
    <cellStyle name="Millares 3 5" xfId="636"/>
    <cellStyle name="Millares 3 5 10" xfId="637"/>
    <cellStyle name="Millares 3 5 11" xfId="638"/>
    <cellStyle name="Millares 3 5 12" xfId="639"/>
    <cellStyle name="Millares 3 5 13" xfId="640"/>
    <cellStyle name="Millares 3 5 14" xfId="641"/>
    <cellStyle name="Millares 3 5 15" xfId="642"/>
    <cellStyle name="Millares 3 5 16" xfId="643"/>
    <cellStyle name="Millares 3 5 17" xfId="644"/>
    <cellStyle name="Millares 3 5 18" xfId="645"/>
    <cellStyle name="Millares 3 5 19" xfId="646"/>
    <cellStyle name="Millares 3 5 2" xfId="647"/>
    <cellStyle name="Millares 3 5 20" xfId="648"/>
    <cellStyle name="Millares 3 5 21" xfId="649"/>
    <cellStyle name="Millares 3 5 22" xfId="650"/>
    <cellStyle name="Millares 3 5 23" xfId="651"/>
    <cellStyle name="Millares 3 5 24" xfId="652"/>
    <cellStyle name="Millares 3 5 25" xfId="653"/>
    <cellStyle name="Millares 3 5 26" xfId="654"/>
    <cellStyle name="Millares 3 5 27" xfId="655"/>
    <cellStyle name="Millares 3 5 28" xfId="656"/>
    <cellStyle name="Millares 3 5 29" xfId="657"/>
    <cellStyle name="Millares 3 5 3" xfId="658"/>
    <cellStyle name="Millares 3 5 4" xfId="659"/>
    <cellStyle name="Millares 3 5 5" xfId="660"/>
    <cellStyle name="Millares 3 5 6" xfId="661"/>
    <cellStyle name="Millares 3 5 7" xfId="662"/>
    <cellStyle name="Millares 3 5 8" xfId="663"/>
    <cellStyle name="Millares 3 5 9" xfId="664"/>
    <cellStyle name="Millares 3 6" xfId="665"/>
    <cellStyle name="Millares 3 6 10" xfId="666"/>
    <cellStyle name="Millares 3 6 11" xfId="667"/>
    <cellStyle name="Millares 3 6 12" xfId="668"/>
    <cellStyle name="Millares 3 6 13" xfId="669"/>
    <cellStyle name="Millares 3 6 14" xfId="670"/>
    <cellStyle name="Millares 3 6 15" xfId="671"/>
    <cellStyle name="Millares 3 6 16" xfId="672"/>
    <cellStyle name="Millares 3 6 17" xfId="673"/>
    <cellStyle name="Millares 3 6 18" xfId="674"/>
    <cellStyle name="Millares 3 6 19" xfId="675"/>
    <cellStyle name="Millares 3 6 2" xfId="676"/>
    <cellStyle name="Millares 3 6 20" xfId="677"/>
    <cellStyle name="Millares 3 6 21" xfId="678"/>
    <cellStyle name="Millares 3 6 22" xfId="679"/>
    <cellStyle name="Millares 3 6 23" xfId="680"/>
    <cellStyle name="Millares 3 6 24" xfId="681"/>
    <cellStyle name="Millares 3 6 25" xfId="682"/>
    <cellStyle name="Millares 3 6 26" xfId="683"/>
    <cellStyle name="Millares 3 6 27" xfId="684"/>
    <cellStyle name="Millares 3 6 28" xfId="685"/>
    <cellStyle name="Millares 3 6 29" xfId="686"/>
    <cellStyle name="Millares 3 6 3" xfId="687"/>
    <cellStyle name="Millares 3 6 4" xfId="688"/>
    <cellStyle name="Millares 3 6 5" xfId="689"/>
    <cellStyle name="Millares 3 6 6" xfId="690"/>
    <cellStyle name="Millares 3 6 7" xfId="691"/>
    <cellStyle name="Millares 3 6 8" xfId="692"/>
    <cellStyle name="Millares 3 6 9" xfId="693"/>
    <cellStyle name="Millares 3 7" xfId="694"/>
    <cellStyle name="Millares 3 7 10" xfId="695"/>
    <cellStyle name="Millares 3 7 11" xfId="696"/>
    <cellStyle name="Millares 3 7 12" xfId="697"/>
    <cellStyle name="Millares 3 7 13" xfId="698"/>
    <cellStyle name="Millares 3 7 14" xfId="699"/>
    <cellStyle name="Millares 3 7 15" xfId="700"/>
    <cellStyle name="Millares 3 7 16" xfId="701"/>
    <cellStyle name="Millares 3 7 17" xfId="702"/>
    <cellStyle name="Millares 3 7 18" xfId="703"/>
    <cellStyle name="Millares 3 7 19" xfId="704"/>
    <cellStyle name="Millares 3 7 2" xfId="705"/>
    <cellStyle name="Millares 3 7 20" xfId="706"/>
    <cellStyle name="Millares 3 7 21" xfId="707"/>
    <cellStyle name="Millares 3 7 22" xfId="708"/>
    <cellStyle name="Millares 3 7 23" xfId="709"/>
    <cellStyle name="Millares 3 7 24" xfId="710"/>
    <cellStyle name="Millares 3 7 25" xfId="711"/>
    <cellStyle name="Millares 3 7 26" xfId="712"/>
    <cellStyle name="Millares 3 7 27" xfId="713"/>
    <cellStyle name="Millares 3 7 28" xfId="714"/>
    <cellStyle name="Millares 3 7 29" xfId="715"/>
    <cellStyle name="Millares 3 7 3" xfId="716"/>
    <cellStyle name="Millares 3 7 4" xfId="717"/>
    <cellStyle name="Millares 3 7 5" xfId="718"/>
    <cellStyle name="Millares 3 7 6" xfId="719"/>
    <cellStyle name="Millares 3 7 7" xfId="720"/>
    <cellStyle name="Millares 3 7 8" xfId="721"/>
    <cellStyle name="Millares 3 7 9" xfId="722"/>
    <cellStyle name="Millares 3 8" xfId="723"/>
    <cellStyle name="Millares 3 8 10" xfId="724"/>
    <cellStyle name="Millares 3 8 11" xfId="725"/>
    <cellStyle name="Millares 3 8 12" xfId="726"/>
    <cellStyle name="Millares 3 8 13" xfId="727"/>
    <cellStyle name="Millares 3 8 14" xfId="728"/>
    <cellStyle name="Millares 3 8 15" xfId="729"/>
    <cellStyle name="Millares 3 8 16" xfId="730"/>
    <cellStyle name="Millares 3 8 17" xfId="731"/>
    <cellStyle name="Millares 3 8 18" xfId="732"/>
    <cellStyle name="Millares 3 8 19" xfId="733"/>
    <cellStyle name="Millares 3 8 2" xfId="734"/>
    <cellStyle name="Millares 3 8 2 10" xfId="735"/>
    <cellStyle name="Millares 3 8 2 11" xfId="736"/>
    <cellStyle name="Millares 3 8 2 12" xfId="737"/>
    <cellStyle name="Millares 3 8 2 13" xfId="738"/>
    <cellStyle name="Millares 3 8 2 14" xfId="739"/>
    <cellStyle name="Millares 3 8 2 15" xfId="740"/>
    <cellStyle name="Millares 3 8 2 16" xfId="741"/>
    <cellStyle name="Millares 3 8 2 17" xfId="742"/>
    <cellStyle name="Millares 3 8 2 18" xfId="743"/>
    <cellStyle name="Millares 3 8 2 19" xfId="744"/>
    <cellStyle name="Millares 3 8 2 2" xfId="745"/>
    <cellStyle name="Millares 3 8 2 20" xfId="746"/>
    <cellStyle name="Millares 3 8 2 21" xfId="747"/>
    <cellStyle name="Millares 3 8 2 22" xfId="748"/>
    <cellStyle name="Millares 3 8 2 23" xfId="749"/>
    <cellStyle name="Millares 3 8 2 24" xfId="750"/>
    <cellStyle name="Millares 3 8 2 25" xfId="751"/>
    <cellStyle name="Millares 3 8 2 26" xfId="752"/>
    <cellStyle name="Millares 3 8 2 27" xfId="753"/>
    <cellStyle name="Millares 3 8 2 28" xfId="754"/>
    <cellStyle name="Millares 3 8 2 29" xfId="755"/>
    <cellStyle name="Millares 3 8 2 3" xfId="756"/>
    <cellStyle name="Millares 3 8 2 30" xfId="757"/>
    <cellStyle name="Millares 3 8 2 4" xfId="758"/>
    <cellStyle name="Millares 3 8 2 5" xfId="759"/>
    <cellStyle name="Millares 3 8 2 6" xfId="760"/>
    <cellStyle name="Millares 3 8 2 7" xfId="761"/>
    <cellStyle name="Millares 3 8 2 8" xfId="762"/>
    <cellStyle name="Millares 3 8 2 9" xfId="763"/>
    <cellStyle name="Millares 3 8 20" xfId="764"/>
    <cellStyle name="Millares 3 8 21" xfId="765"/>
    <cellStyle name="Millares 3 8 22" xfId="766"/>
    <cellStyle name="Millares 3 8 23" xfId="767"/>
    <cellStyle name="Millares 3 8 24" xfId="768"/>
    <cellStyle name="Millares 3 8 25" xfId="769"/>
    <cellStyle name="Millares 3 8 26" xfId="770"/>
    <cellStyle name="Millares 3 8 27" xfId="771"/>
    <cellStyle name="Millares 3 8 28" xfId="772"/>
    <cellStyle name="Millares 3 8 29" xfId="773"/>
    <cellStyle name="Millares 3 8 3" xfId="774"/>
    <cellStyle name="Millares 3 8 3 2" xfId="775"/>
    <cellStyle name="Millares 3 8 30" xfId="776"/>
    <cellStyle name="Millares 3 8 31" xfId="777"/>
    <cellStyle name="Millares 3 8 4" xfId="778"/>
    <cellStyle name="Millares 3 8 5" xfId="779"/>
    <cellStyle name="Millares 3 8 6" xfId="780"/>
    <cellStyle name="Millares 3 8 7" xfId="781"/>
    <cellStyle name="Millares 3 8 8" xfId="782"/>
    <cellStyle name="Millares 3 8 9" xfId="783"/>
    <cellStyle name="Millares 3 9" xfId="784"/>
    <cellStyle name="Millares 3 9 2" xfId="785"/>
    <cellStyle name="Millares 3 9 2 2" xfId="786"/>
    <cellStyle name="Millares 3 9 2 3" xfId="787"/>
    <cellStyle name="Millares 3 9 3" xfId="788"/>
    <cellStyle name="Millares 3_FG02-2 MATRIZ POR MES" xfId="789"/>
    <cellStyle name="Millares 30" xfId="790"/>
    <cellStyle name="Millares 31" xfId="791"/>
    <cellStyle name="Millares 31 2" xfId="792"/>
    <cellStyle name="Millares 31 3" xfId="793"/>
    <cellStyle name="Millares 31 3 2" xfId="794"/>
    <cellStyle name="Millares 31 3 3" xfId="795"/>
    <cellStyle name="Millares 32" xfId="796"/>
    <cellStyle name="Millares 33" xfId="797"/>
    <cellStyle name="Millares 33 2" xfId="798"/>
    <cellStyle name="Millares 33 2 2" xfId="799"/>
    <cellStyle name="Millares 33 2 3" xfId="800"/>
    <cellStyle name="Millares 34" xfId="801"/>
    <cellStyle name="Millares 35" xfId="802"/>
    <cellStyle name="Millares 36" xfId="803"/>
    <cellStyle name="Millares 37" xfId="804"/>
    <cellStyle name="Millares 37 2" xfId="805"/>
    <cellStyle name="Millares 37 2 2" xfId="806"/>
    <cellStyle name="Millares 37 2 3" xfId="807"/>
    <cellStyle name="Millares 38" xfId="808"/>
    <cellStyle name="Millares 39" xfId="809"/>
    <cellStyle name="Millares 4" xfId="810"/>
    <cellStyle name="Millares 4 10" xfId="811"/>
    <cellStyle name="Millares 4 11" xfId="812"/>
    <cellStyle name="Millares 4 12" xfId="813"/>
    <cellStyle name="Millares 4 13" xfId="814"/>
    <cellStyle name="Millares 4 14" xfId="815"/>
    <cellStyle name="Millares 4 15" xfId="816"/>
    <cellStyle name="Millares 4 16" xfId="817"/>
    <cellStyle name="Millares 4 17" xfId="818"/>
    <cellStyle name="Millares 4 18" xfId="819"/>
    <cellStyle name="Millares 4 19" xfId="820"/>
    <cellStyle name="Millares 4 2" xfId="821"/>
    <cellStyle name="Millares 4 2 10" xfId="822"/>
    <cellStyle name="Millares 4 2 11" xfId="823"/>
    <cellStyle name="Millares 4 2 12" xfId="824"/>
    <cellStyle name="Millares 4 2 13" xfId="825"/>
    <cellStyle name="Millares 4 2 14" xfId="826"/>
    <cellStyle name="Millares 4 2 15" xfId="827"/>
    <cellStyle name="Millares 4 2 16" xfId="828"/>
    <cellStyle name="Millares 4 2 17" xfId="829"/>
    <cellStyle name="Millares 4 2 18" xfId="830"/>
    <cellStyle name="Millares 4 2 19" xfId="831"/>
    <cellStyle name="Millares 4 2 2" xfId="832"/>
    <cellStyle name="Millares 4 2 20" xfId="833"/>
    <cellStyle name="Millares 4 2 21" xfId="834"/>
    <cellStyle name="Millares 4 2 22" xfId="835"/>
    <cellStyle name="Millares 4 2 23" xfId="836"/>
    <cellStyle name="Millares 4 2 24" xfId="837"/>
    <cellStyle name="Millares 4 2 25" xfId="838"/>
    <cellStyle name="Millares 4 2 26" xfId="839"/>
    <cellStyle name="Millares 4 2 27" xfId="840"/>
    <cellStyle name="Millares 4 2 28" xfId="841"/>
    <cellStyle name="Millares 4 2 29" xfId="842"/>
    <cellStyle name="Millares 4 2 3" xfId="843"/>
    <cellStyle name="Millares 4 2 30" xfId="844"/>
    <cellStyle name="Millares 4 2 31" xfId="845"/>
    <cellStyle name="Millares 4 2 32" xfId="846"/>
    <cellStyle name="Millares 4 2 33" xfId="847"/>
    <cellStyle name="Millares 4 2 34" xfId="848"/>
    <cellStyle name="Millares 4 2 35" xfId="849"/>
    <cellStyle name="Millares 4 2 36" xfId="850"/>
    <cellStyle name="Millares 4 2 37" xfId="851"/>
    <cellStyle name="Millares 4 2 38" xfId="852"/>
    <cellStyle name="Millares 4 2 39" xfId="853"/>
    <cellStyle name="Millares 4 2 4" xfId="854"/>
    <cellStyle name="Millares 4 2 40" xfId="855"/>
    <cellStyle name="Millares 4 2 41" xfId="856"/>
    <cellStyle name="Millares 4 2 42" xfId="857"/>
    <cellStyle name="Millares 4 2 43" xfId="858"/>
    <cellStyle name="Millares 4 2 44" xfId="859"/>
    <cellStyle name="Millares 4 2 45" xfId="860"/>
    <cellStyle name="Millares 4 2 46" xfId="861"/>
    <cellStyle name="Millares 4 2 47" xfId="862"/>
    <cellStyle name="Millares 4 2 48" xfId="863"/>
    <cellStyle name="Millares 4 2 49" xfId="864"/>
    <cellStyle name="Millares 4 2 5" xfId="865"/>
    <cellStyle name="Millares 4 2 50" xfId="866"/>
    <cellStyle name="Millares 4 2 51" xfId="867"/>
    <cellStyle name="Millares 4 2 52" xfId="868"/>
    <cellStyle name="Millares 4 2 53" xfId="869"/>
    <cellStyle name="Millares 4 2 54" xfId="870"/>
    <cellStyle name="Millares 4 2 55" xfId="871"/>
    <cellStyle name="Millares 4 2 56" xfId="872"/>
    <cellStyle name="Millares 4 2 57" xfId="873"/>
    <cellStyle name="Millares 4 2 58" xfId="874"/>
    <cellStyle name="Millares 4 2 59" xfId="875"/>
    <cellStyle name="Millares 4 2 6" xfId="876"/>
    <cellStyle name="Millares 4 2 60" xfId="877"/>
    <cellStyle name="Millares 4 2 7" xfId="878"/>
    <cellStyle name="Millares 4 2 8" xfId="879"/>
    <cellStyle name="Millares 4 2 9" xfId="880"/>
    <cellStyle name="Millares 4 20" xfId="881"/>
    <cellStyle name="Millares 4 21" xfId="882"/>
    <cellStyle name="Millares 4 22" xfId="883"/>
    <cellStyle name="Millares 4 23" xfId="884"/>
    <cellStyle name="Millares 4 24" xfId="885"/>
    <cellStyle name="Millares 4 25" xfId="886"/>
    <cellStyle name="Millares 4 26" xfId="887"/>
    <cellStyle name="Millares 4 27" xfId="888"/>
    <cellStyle name="Millares 4 28" xfId="889"/>
    <cellStyle name="Millares 4 29" xfId="890"/>
    <cellStyle name="Millares 4 3" xfId="891"/>
    <cellStyle name="Millares 4 3 10" xfId="892"/>
    <cellStyle name="Millares 4 3 11" xfId="893"/>
    <cellStyle name="Millares 4 3 12" xfId="894"/>
    <cellStyle name="Millares 4 3 13" xfId="895"/>
    <cellStyle name="Millares 4 3 14" xfId="896"/>
    <cellStyle name="Millares 4 3 15" xfId="897"/>
    <cellStyle name="Millares 4 3 16" xfId="898"/>
    <cellStyle name="Millares 4 3 17" xfId="899"/>
    <cellStyle name="Millares 4 3 18" xfId="900"/>
    <cellStyle name="Millares 4 3 19" xfId="901"/>
    <cellStyle name="Millares 4 3 2" xfId="902"/>
    <cellStyle name="Millares 4 3 20" xfId="903"/>
    <cellStyle name="Millares 4 3 21" xfId="904"/>
    <cellStyle name="Millares 4 3 22" xfId="905"/>
    <cellStyle name="Millares 4 3 23" xfId="906"/>
    <cellStyle name="Millares 4 3 24" xfId="907"/>
    <cellStyle name="Millares 4 3 25" xfId="908"/>
    <cellStyle name="Millares 4 3 26" xfId="909"/>
    <cellStyle name="Millares 4 3 27" xfId="910"/>
    <cellStyle name="Millares 4 3 28" xfId="911"/>
    <cellStyle name="Millares 4 3 29" xfId="912"/>
    <cellStyle name="Millares 4 3 3" xfId="913"/>
    <cellStyle name="Millares 4 3 30" xfId="914"/>
    <cellStyle name="Millares 4 3 4" xfId="915"/>
    <cellStyle name="Millares 4 3 5" xfId="916"/>
    <cellStyle name="Millares 4 3 6" xfId="917"/>
    <cellStyle name="Millares 4 3 7" xfId="918"/>
    <cellStyle name="Millares 4 3 8" xfId="919"/>
    <cellStyle name="Millares 4 3 9" xfId="920"/>
    <cellStyle name="Millares 4 30" xfId="921"/>
    <cellStyle name="Millares 4 31" xfId="922"/>
    <cellStyle name="Millares 4 32" xfId="923"/>
    <cellStyle name="Millares 4 33" xfId="924"/>
    <cellStyle name="Millares 4 34" xfId="925"/>
    <cellStyle name="Millares 4 35" xfId="926"/>
    <cellStyle name="Millares 4 36" xfId="927"/>
    <cellStyle name="Millares 4 37" xfId="928"/>
    <cellStyle name="Millares 4 38" xfId="929"/>
    <cellStyle name="Millares 4 39" xfId="930"/>
    <cellStyle name="Millares 4 4" xfId="931"/>
    <cellStyle name="Millares 4 4 2" xfId="932"/>
    <cellStyle name="Millares 4 40" xfId="933"/>
    <cellStyle name="Millares 4 41" xfId="934"/>
    <cellStyle name="Millares 4 42" xfId="935"/>
    <cellStyle name="Millares 4 43" xfId="936"/>
    <cellStyle name="Millares 4 44" xfId="937"/>
    <cellStyle name="Millares 4 45" xfId="938"/>
    <cellStyle name="Millares 4 46" xfId="939"/>
    <cellStyle name="Millares 4 47" xfId="940"/>
    <cellStyle name="Millares 4 48" xfId="941"/>
    <cellStyle name="Millares 4 49" xfId="942"/>
    <cellStyle name="Millares 4 5" xfId="943"/>
    <cellStyle name="Millares 4 50" xfId="944"/>
    <cellStyle name="Millares 4 51" xfId="945"/>
    <cellStyle name="Millares 4 52" xfId="946"/>
    <cellStyle name="Millares 4 53" xfId="947"/>
    <cellStyle name="Millares 4 54" xfId="948"/>
    <cellStyle name="Millares 4 55" xfId="949"/>
    <cellStyle name="Millares 4 56" xfId="950"/>
    <cellStyle name="Millares 4 57" xfId="951"/>
    <cellStyle name="Millares 4 58" xfId="952"/>
    <cellStyle name="Millares 4 59" xfId="953"/>
    <cellStyle name="Millares 4 6" xfId="954"/>
    <cellStyle name="Millares 4 60" xfId="955"/>
    <cellStyle name="Millares 4 61" xfId="956"/>
    <cellStyle name="Millares 4 62" xfId="957"/>
    <cellStyle name="Millares 4 7" xfId="958"/>
    <cellStyle name="Millares 4 8" xfId="959"/>
    <cellStyle name="Millares 4 9" xfId="960"/>
    <cellStyle name="Millares 4_Form. Antepr. 2012" xfId="961"/>
    <cellStyle name="Millares 40" xfId="962"/>
    <cellStyle name="Millares 40 2" xfId="963"/>
    <cellStyle name="Millares 40 2 2" xfId="964"/>
    <cellStyle name="Millares 40 2 3" xfId="965"/>
    <cellStyle name="Millares 41" xfId="966"/>
    <cellStyle name="Millares 42" xfId="967"/>
    <cellStyle name="Millares 43" xfId="968"/>
    <cellStyle name="Millares 43 2" xfId="969"/>
    <cellStyle name="Millares 43 2 2" xfId="970"/>
    <cellStyle name="Millares 43 2 3" xfId="971"/>
    <cellStyle name="Millares 44" xfId="972"/>
    <cellStyle name="Millares 45" xfId="973"/>
    <cellStyle name="Millares 46" xfId="974"/>
    <cellStyle name="Millares 46 2" xfId="975"/>
    <cellStyle name="Millares 46 2 2" xfId="976"/>
    <cellStyle name="Millares 46 2 3" xfId="977"/>
    <cellStyle name="Millares 47" xfId="978"/>
    <cellStyle name="Millares 48" xfId="979"/>
    <cellStyle name="Millares 49" xfId="980"/>
    <cellStyle name="Millares 5" xfId="981"/>
    <cellStyle name="Millares 5 10" xfId="982"/>
    <cellStyle name="Millares 5 11" xfId="983"/>
    <cellStyle name="Millares 5 12" xfId="984"/>
    <cellStyle name="Millares 5 13" xfId="985"/>
    <cellStyle name="Millares 5 14" xfId="986"/>
    <cellStyle name="Millares 5 15" xfId="987"/>
    <cellStyle name="Millares 5 16" xfId="988"/>
    <cellStyle name="Millares 5 17" xfId="989"/>
    <cellStyle name="Millares 5 18" xfId="990"/>
    <cellStyle name="Millares 5 19" xfId="991"/>
    <cellStyle name="Millares 5 2" xfId="992"/>
    <cellStyle name="Millares 5 2 10" xfId="993"/>
    <cellStyle name="Millares 5 2 11" xfId="994"/>
    <cellStyle name="Millares 5 2 12" xfId="995"/>
    <cellStyle name="Millares 5 2 13" xfId="996"/>
    <cellStyle name="Millares 5 2 14" xfId="997"/>
    <cellStyle name="Millares 5 2 15" xfId="998"/>
    <cellStyle name="Millares 5 2 16" xfId="999"/>
    <cellStyle name="Millares 5 2 17" xfId="1000"/>
    <cellStyle name="Millares 5 2 18" xfId="1001"/>
    <cellStyle name="Millares 5 2 19" xfId="1002"/>
    <cellStyle name="Millares 5 2 2" xfId="1003"/>
    <cellStyle name="Millares 5 2 20" xfId="1004"/>
    <cellStyle name="Millares 5 2 21" xfId="1005"/>
    <cellStyle name="Millares 5 2 22" xfId="1006"/>
    <cellStyle name="Millares 5 2 23" xfId="1007"/>
    <cellStyle name="Millares 5 2 24" xfId="1008"/>
    <cellStyle name="Millares 5 2 25" xfId="1009"/>
    <cellStyle name="Millares 5 2 26" xfId="1010"/>
    <cellStyle name="Millares 5 2 27" xfId="1011"/>
    <cellStyle name="Millares 5 2 28" xfId="1012"/>
    <cellStyle name="Millares 5 2 29" xfId="1013"/>
    <cellStyle name="Millares 5 2 3" xfId="1014"/>
    <cellStyle name="Millares 5 2 4" xfId="1015"/>
    <cellStyle name="Millares 5 2 5" xfId="1016"/>
    <cellStyle name="Millares 5 2 6" xfId="1017"/>
    <cellStyle name="Millares 5 2 7" xfId="1018"/>
    <cellStyle name="Millares 5 2 8" xfId="1019"/>
    <cellStyle name="Millares 5 2 9" xfId="1020"/>
    <cellStyle name="Millares 5 20" xfId="1021"/>
    <cellStyle name="Millares 5 21" xfId="1022"/>
    <cellStyle name="Millares 5 22" xfId="1023"/>
    <cellStyle name="Millares 5 23" xfId="1024"/>
    <cellStyle name="Millares 5 24" xfId="1025"/>
    <cellStyle name="Millares 5 25" xfId="1026"/>
    <cellStyle name="Millares 5 26" xfId="1027"/>
    <cellStyle name="Millares 5 27" xfId="1028"/>
    <cellStyle name="Millares 5 28" xfId="1029"/>
    <cellStyle name="Millares 5 29" xfId="1030"/>
    <cellStyle name="Millares 5 3" xfId="1031"/>
    <cellStyle name="Millares 5 30" xfId="1032"/>
    <cellStyle name="Millares 5 4" xfId="1033"/>
    <cellStyle name="Millares 5 5" xfId="1034"/>
    <cellStyle name="Millares 5 6" xfId="1035"/>
    <cellStyle name="Millares 5 7" xfId="1036"/>
    <cellStyle name="Millares 5 8" xfId="1037"/>
    <cellStyle name="Millares 5 9" xfId="1038"/>
    <cellStyle name="Millares 50" xfId="1039"/>
    <cellStyle name="Millares 51" xfId="1040"/>
    <cellStyle name="Millares 52" xfId="1041"/>
    <cellStyle name="Millares 53" xfId="1042"/>
    <cellStyle name="Millares 54" xfId="1043"/>
    <cellStyle name="Millares 55" xfId="1044"/>
    <cellStyle name="Millares 56" xfId="1045"/>
    <cellStyle name="Millares 57" xfId="1046"/>
    <cellStyle name="Millares 58" xfId="1047"/>
    <cellStyle name="Millares 59" xfId="1048"/>
    <cellStyle name="Millares 6" xfId="1049"/>
    <cellStyle name="Millares 6 10" xfId="1050"/>
    <cellStyle name="Millares 6 11" xfId="1051"/>
    <cellStyle name="Millares 6 12" xfId="1052"/>
    <cellStyle name="Millares 6 13" xfId="1053"/>
    <cellStyle name="Millares 6 14" xfId="1054"/>
    <cellStyle name="Millares 6 15" xfId="1055"/>
    <cellStyle name="Millares 6 16" xfId="1056"/>
    <cellStyle name="Millares 6 17" xfId="1057"/>
    <cellStyle name="Millares 6 18" xfId="1058"/>
    <cellStyle name="Millares 6 19" xfId="1059"/>
    <cellStyle name="Millares 6 2" xfId="1060"/>
    <cellStyle name="Millares 6 2 2" xfId="1061"/>
    <cellStyle name="Millares 6 2 2 2" xfId="1062"/>
    <cellStyle name="Millares 6 2 2 3" xfId="1063"/>
    <cellStyle name="Millares 6 20" xfId="1064"/>
    <cellStyle name="Millares 6 21" xfId="1065"/>
    <cellStyle name="Millares 6 22" xfId="1066"/>
    <cellStyle name="Millares 6 23" xfId="1067"/>
    <cellStyle name="Millares 6 24" xfId="1068"/>
    <cellStyle name="Millares 6 25" xfId="1069"/>
    <cellStyle name="Millares 6 26" xfId="1070"/>
    <cellStyle name="Millares 6 27" xfId="1071"/>
    <cellStyle name="Millares 6 28" xfId="1072"/>
    <cellStyle name="Millares 6 29" xfId="1073"/>
    <cellStyle name="Millares 6 3" xfId="1074"/>
    <cellStyle name="Millares 6 4" xfId="1075"/>
    <cellStyle name="Millares 6 5" xfId="1076"/>
    <cellStyle name="Millares 6 6" xfId="1077"/>
    <cellStyle name="Millares 6 7" xfId="1078"/>
    <cellStyle name="Millares 6 8" xfId="1079"/>
    <cellStyle name="Millares 6 9" xfId="1080"/>
    <cellStyle name="Millares 60" xfId="1081"/>
    <cellStyle name="Millares 61" xfId="1082"/>
    <cellStyle name="Millares 62" xfId="1083"/>
    <cellStyle name="Millares 63" xfId="1084"/>
    <cellStyle name="Millares 64" xfId="1085"/>
    <cellStyle name="Millares 65" xfId="1086"/>
    <cellStyle name="Millares 66" xfId="1087"/>
    <cellStyle name="Millares 67" xfId="1088"/>
    <cellStyle name="Millares 68" xfId="1089"/>
    <cellStyle name="Millares 68 2" xfId="1090"/>
    <cellStyle name="Millares 68 2 2" xfId="1091"/>
    <cellStyle name="Millares 68 2 2 2" xfId="1092"/>
    <cellStyle name="Millares 68 2 2 3" xfId="1093"/>
    <cellStyle name="Millares 68 2 3" xfId="1094"/>
    <cellStyle name="Millares 68 2 4" xfId="1095"/>
    <cellStyle name="Millares 69" xfId="1096"/>
    <cellStyle name="Millares 7" xfId="1097"/>
    <cellStyle name="Millares 7 2" xfId="1098"/>
    <cellStyle name="Millares 7 2 2" xfId="1099"/>
    <cellStyle name="Millares 7 2 3" xfId="1100"/>
    <cellStyle name="Millares 7 3" xfId="1101"/>
    <cellStyle name="Millares 7 4" xfId="1102"/>
    <cellStyle name="Millares 70" xfId="1103"/>
    <cellStyle name="Millares 71" xfId="1104"/>
    <cellStyle name="Millares 71 2" xfId="1105"/>
    <cellStyle name="Millares 71 2 2" xfId="1106"/>
    <cellStyle name="Millares 71 2 3" xfId="1107"/>
    <cellStyle name="Millares 71 3" xfId="1108"/>
    <cellStyle name="Millares 71 4" xfId="1109"/>
    <cellStyle name="Millares 72" xfId="1110"/>
    <cellStyle name="Millares 72 2" xfId="1111"/>
    <cellStyle name="Millares 72 2 2" xfId="1112"/>
    <cellStyle name="Millares 72 2 3" xfId="1113"/>
    <cellStyle name="Millares 72 3" xfId="1114"/>
    <cellStyle name="Millares 72 4" xfId="1115"/>
    <cellStyle name="Millares 73" xfId="1116"/>
    <cellStyle name="Millares 73 2" xfId="1117"/>
    <cellStyle name="Millares 73 2 2" xfId="1118"/>
    <cellStyle name="Millares 73 2 3" xfId="1119"/>
    <cellStyle name="Millares 73 3" xfId="1120"/>
    <cellStyle name="Millares 73 4" xfId="1121"/>
    <cellStyle name="Millares 74" xfId="1122"/>
    <cellStyle name="Millares 75" xfId="1123"/>
    <cellStyle name="Millares 76" xfId="1124"/>
    <cellStyle name="Millares 76 2" xfId="1125"/>
    <cellStyle name="Millares 76 2 2" xfId="1126"/>
    <cellStyle name="Millares 76 2 3" xfId="1127"/>
    <cellStyle name="Millares 76 3" xfId="1128"/>
    <cellStyle name="Millares 76 4" xfId="1129"/>
    <cellStyle name="Millares 77" xfId="1130"/>
    <cellStyle name="Millares 77 2" xfId="1131"/>
    <cellStyle name="Millares 77 2 2" xfId="1132"/>
    <cellStyle name="Millares 77 2 3" xfId="1133"/>
    <cellStyle name="Millares 77 3" xfId="1134"/>
    <cellStyle name="Millares 77 4" xfId="1135"/>
    <cellStyle name="Millares 78" xfId="1136"/>
    <cellStyle name="Millares 78 2" xfId="1137"/>
    <cellStyle name="Millares 78 3" xfId="1138"/>
    <cellStyle name="Millares 79" xfId="1139"/>
    <cellStyle name="Millares 79 2" xfId="1140"/>
    <cellStyle name="Millares 79 2 2" xfId="1141"/>
    <cellStyle name="Millares 79 2 2 2" xfId="1142"/>
    <cellStyle name="Millares 79 2 2 3" xfId="1143"/>
    <cellStyle name="Millares 79 2 3" xfId="1144"/>
    <cellStyle name="Millares 79 2 4" xfId="1145"/>
    <cellStyle name="Millares 79 3" xfId="1146"/>
    <cellStyle name="Millares 79 4" xfId="1147"/>
    <cellStyle name="Millares 8" xfId="1148"/>
    <cellStyle name="Millares 8 2" xfId="1149"/>
    <cellStyle name="Millares 8 2 2" xfId="1150"/>
    <cellStyle name="Millares 8 3" xfId="1151"/>
    <cellStyle name="Millares 8 3 2" xfId="1152"/>
    <cellStyle name="Millares 8 3 3" xfId="1153"/>
    <cellStyle name="Millares 8 4" xfId="1154"/>
    <cellStyle name="Millares 8 5" xfId="1155"/>
    <cellStyle name="Millares 80" xfId="1156"/>
    <cellStyle name="Millares 80 2" xfId="1157"/>
    <cellStyle name="Millares 80 3" xfId="1158"/>
    <cellStyle name="Millares 81" xfId="1159"/>
    <cellStyle name="Millares 81 2" xfId="1160"/>
    <cellStyle name="Millares 81 3" xfId="1161"/>
    <cellStyle name="Millares 82" xfId="1162"/>
    <cellStyle name="Millares 82 2" xfId="1163"/>
    <cellStyle name="Millares 82 2 2" xfId="1164"/>
    <cellStyle name="Millares 82 3" xfId="1165"/>
    <cellStyle name="Millares 83" xfId="1166"/>
    <cellStyle name="Millares 83 2" xfId="1167"/>
    <cellStyle name="Millares 83 3" xfId="1168"/>
    <cellStyle name="Millares 84" xfId="1169"/>
    <cellStyle name="Millares 84 2" xfId="1170"/>
    <cellStyle name="Millares 84 3" xfId="1171"/>
    <cellStyle name="Millares 85" xfId="1172"/>
    <cellStyle name="Millares 85 2" xfId="1173"/>
    <cellStyle name="Millares 85 3" xfId="1174"/>
    <cellStyle name="Millares 86" xfId="1175"/>
    <cellStyle name="Millares 86 2" xfId="1176"/>
    <cellStyle name="Millares 86 3" xfId="1177"/>
    <cellStyle name="Millares 87" xfId="1178"/>
    <cellStyle name="Millares 87 2" xfId="1179"/>
    <cellStyle name="Millares 87 3" xfId="1180"/>
    <cellStyle name="Millares 88" xfId="1181"/>
    <cellStyle name="Millares 88 2" xfId="1182"/>
    <cellStyle name="Millares 88 3" xfId="1183"/>
    <cellStyle name="Millares 89" xfId="1184"/>
    <cellStyle name="Millares 89 2" xfId="1185"/>
    <cellStyle name="Millares 89 3" xfId="1186"/>
    <cellStyle name="Millares 9" xfId="1187"/>
    <cellStyle name="Millares 9 2" xfId="1188"/>
    <cellStyle name="Millares 9 2 2" xfId="1189"/>
    <cellStyle name="Millares 9 2 2 2" xfId="1190"/>
    <cellStyle name="Millares 9 2 2 3" xfId="1191"/>
    <cellStyle name="Millares 9 3" xfId="1192"/>
    <cellStyle name="Millares 9 3 2" xfId="1193"/>
    <cellStyle name="Millares 9 3 3" xfId="1194"/>
    <cellStyle name="Millares 9 4" xfId="1195"/>
    <cellStyle name="Millares 9 5" xfId="1196"/>
    <cellStyle name="Millares 90" xfId="1197"/>
    <cellStyle name="Millares 90 2" xfId="1198"/>
    <cellStyle name="Millares 90 3" xfId="1199"/>
    <cellStyle name="Millares 91" xfId="1200"/>
    <cellStyle name="Millares 91 2" xfId="1201"/>
    <cellStyle name="Millares 91 3" xfId="1202"/>
    <cellStyle name="Millares 92" xfId="1203"/>
    <cellStyle name="Millares 92 2" xfId="1204"/>
    <cellStyle name="Millares 92 3" xfId="1205"/>
    <cellStyle name="Millares 93" xfId="1206"/>
    <cellStyle name="Millares 93 2" xfId="1207"/>
    <cellStyle name="Millares 93 3" xfId="1208"/>
    <cellStyle name="Millares 94" xfId="1209"/>
    <cellStyle name="Millares 94 2" xfId="1210"/>
    <cellStyle name="Millares 94 3" xfId="1211"/>
    <cellStyle name="Millares 95" xfId="1212"/>
    <cellStyle name="Millares 95 2" xfId="1213"/>
    <cellStyle name="Millares 95 3" xfId="1214"/>
    <cellStyle name="Millares 96" xfId="1215"/>
    <cellStyle name="Millares 97" xfId="1216"/>
    <cellStyle name="Millares 97 2" xfId="1217"/>
    <cellStyle name="Millares 98" xfId="1218"/>
    <cellStyle name="Millares 99" xfId="1219"/>
    <cellStyle name="Millares_01 - 01 - Administración General 2 2" xfId="1220"/>
    <cellStyle name="Millares_Hoja1 2 2" xfId="1221"/>
    <cellStyle name="Moneda 2" xfId="1222"/>
    <cellStyle name="Moneda 2 10" xfId="1223"/>
    <cellStyle name="Moneda 2 11" xfId="1224"/>
    <cellStyle name="Moneda 2 12" xfId="1225"/>
    <cellStyle name="Moneda 2 13" xfId="1226"/>
    <cellStyle name="Moneda 2 14" xfId="1227"/>
    <cellStyle name="Moneda 2 15" xfId="1228"/>
    <cellStyle name="Moneda 2 16" xfId="1229"/>
    <cellStyle name="Moneda 2 17" xfId="1230"/>
    <cellStyle name="Moneda 2 18" xfId="1231"/>
    <cellStyle name="Moneda 2 19" xfId="1232"/>
    <cellStyle name="Moneda 2 2" xfId="1233"/>
    <cellStyle name="Moneda 2 20" xfId="1234"/>
    <cellStyle name="Moneda 2 21" xfId="1235"/>
    <cellStyle name="Moneda 2 22" xfId="1236"/>
    <cellStyle name="Moneda 2 23" xfId="1237"/>
    <cellStyle name="Moneda 2 24" xfId="1238"/>
    <cellStyle name="Moneda 2 25" xfId="1239"/>
    <cellStyle name="Moneda 2 26" xfId="1240"/>
    <cellStyle name="Moneda 2 27" xfId="1241"/>
    <cellStyle name="Moneda 2 28" xfId="1242"/>
    <cellStyle name="Moneda 2 29" xfId="1243"/>
    <cellStyle name="Moneda 2 3" xfId="1244"/>
    <cellStyle name="Moneda 2 30" xfId="1245"/>
    <cellStyle name="Moneda 2 31" xfId="1246"/>
    <cellStyle name="Moneda 2 32" xfId="1247"/>
    <cellStyle name="Moneda 2 33" xfId="1248"/>
    <cellStyle name="Moneda 2 4" xfId="1249"/>
    <cellStyle name="Moneda 2 5" xfId="1250"/>
    <cellStyle name="Moneda 2 6" xfId="1251"/>
    <cellStyle name="Moneda 2 7" xfId="1252"/>
    <cellStyle name="Moneda 2 8" xfId="1253"/>
    <cellStyle name="Moneda 2 9" xfId="1254"/>
    <cellStyle name="Normal" xfId="0" builtinId="0"/>
    <cellStyle name="Normal 10" xfId="1255"/>
    <cellStyle name="Normal 11" xfId="1256"/>
    <cellStyle name="Normal 12" xfId="1257"/>
    <cellStyle name="Normal 13" xfId="1258"/>
    <cellStyle name="Normal 13 2" xfId="1259"/>
    <cellStyle name="Normal 13 2 2" xfId="1260"/>
    <cellStyle name="Normal 13 3" xfId="1261"/>
    <cellStyle name="Normal 13 3 2" xfId="1262"/>
    <cellStyle name="Normal 13 4" xfId="1263"/>
    <cellStyle name="Normal 13 4 2" xfId="1264"/>
    <cellStyle name="Normal 13 5" xfId="1265"/>
    <cellStyle name="Normal 14" xfId="1266"/>
    <cellStyle name="Normal 14 2" xfId="1267"/>
    <cellStyle name="Normal 14 2 2" xfId="1268"/>
    <cellStyle name="Normal 14 2 2 2" xfId="1269"/>
    <cellStyle name="Normal 14 2 3" xfId="1270"/>
    <cellStyle name="Normal 14 3" xfId="1271"/>
    <cellStyle name="Normal 15" xfId="1272"/>
    <cellStyle name="Normal 16" xfId="1273"/>
    <cellStyle name="Normal 17 2" xfId="1274"/>
    <cellStyle name="Normal 18 2" xfId="1275"/>
    <cellStyle name="Normal 18 2 2" xfId="1276"/>
    <cellStyle name="Normal 18 2 2 2" xfId="1277"/>
    <cellStyle name="Normal 18 2 3" xfId="1278"/>
    <cellStyle name="Normal 18 3" xfId="1279"/>
    <cellStyle name="Normal 19 2" xfId="1280"/>
    <cellStyle name="Normal 2" xfId="1281"/>
    <cellStyle name="Normal 2 10" xfId="1282"/>
    <cellStyle name="Normal 2 11" xfId="1283"/>
    <cellStyle name="Normal 2 12" xfId="1284"/>
    <cellStyle name="Normal 2 13" xfId="1285"/>
    <cellStyle name="Normal 2 14" xfId="1286"/>
    <cellStyle name="Normal 2 15" xfId="1287"/>
    <cellStyle name="Normal 2 16" xfId="1288"/>
    <cellStyle name="Normal 2 17" xfId="1289"/>
    <cellStyle name="Normal 2 18" xfId="1290"/>
    <cellStyle name="Normal 2 19" xfId="1291"/>
    <cellStyle name="Normal 2 2" xfId="1292"/>
    <cellStyle name="Normal 2 2 2" xfId="1293"/>
    <cellStyle name="Normal 2 2 2 2" xfId="1294"/>
    <cellStyle name="Normal 2 2 3" xfId="1295"/>
    <cellStyle name="Normal 2 20" xfId="1296"/>
    <cellStyle name="Normal 2 21" xfId="1297"/>
    <cellStyle name="Normal 2 22" xfId="1298"/>
    <cellStyle name="Normal 2 23" xfId="1299"/>
    <cellStyle name="Normal 2 24" xfId="1300"/>
    <cellStyle name="Normal 2 25" xfId="1301"/>
    <cellStyle name="Normal 2 26" xfId="1302"/>
    <cellStyle name="Normal 2 27" xfId="1303"/>
    <cellStyle name="Normal 2 28" xfId="1304"/>
    <cellStyle name="Normal 2 29" xfId="1305"/>
    <cellStyle name="Normal 2 3" xfId="1306"/>
    <cellStyle name="Normal 2 3 2" xfId="1307"/>
    <cellStyle name="Normal 2 3 2 2" xfId="1308"/>
    <cellStyle name="Normal 2 3 2 2 2" xfId="1309"/>
    <cellStyle name="Normal 2 3 2 3" xfId="1310"/>
    <cellStyle name="Normal 2 30" xfId="1311"/>
    <cellStyle name="Normal 2 31" xfId="1312"/>
    <cellStyle name="Normal 2 32" xfId="1313"/>
    <cellStyle name="Normal 2 33" xfId="1314"/>
    <cellStyle name="Normal 2 34" xfId="1315"/>
    <cellStyle name="Normal 2 4" xfId="1316"/>
    <cellStyle name="Normal 2 4 2" xfId="1317"/>
    <cellStyle name="Normal 2 4 3" xfId="1318"/>
    <cellStyle name="Normal 2 5" xfId="1319"/>
    <cellStyle name="Normal 2 6" xfId="1320"/>
    <cellStyle name="Normal 2 7" xfId="1321"/>
    <cellStyle name="Normal 2 8" xfId="1322"/>
    <cellStyle name="Normal 2 9" xfId="1323"/>
    <cellStyle name="Normal 2_FG02-2 MATRIZ POR MES" xfId="1324"/>
    <cellStyle name="Normal 20" xfId="1325"/>
    <cellStyle name="Normal 20 2" xfId="1326"/>
    <cellStyle name="Normal 21" xfId="1327"/>
    <cellStyle name="Normal 21 2" xfId="1328"/>
    <cellStyle name="Normal 22" xfId="1329"/>
    <cellStyle name="Normal 22 2" xfId="1330"/>
    <cellStyle name="Normal 23" xfId="1331"/>
    <cellStyle name="Normal 24" xfId="1332"/>
    <cellStyle name="Normal 25" xfId="1333"/>
    <cellStyle name="Normal 26" xfId="1334"/>
    <cellStyle name="Normal 27" xfId="1335"/>
    <cellStyle name="Normal 27 2" xfId="1336"/>
    <cellStyle name="Normal 28" xfId="1337"/>
    <cellStyle name="Normal 28 2" xfId="1338"/>
    <cellStyle name="Normal 29" xfId="1339"/>
    <cellStyle name="Normal 29 2" xfId="1340"/>
    <cellStyle name="Normal 3" xfId="1341"/>
    <cellStyle name="Normal 3 10" xfId="1342"/>
    <cellStyle name="Normal 3 11" xfId="1343"/>
    <cellStyle name="Normal 3 12" xfId="1344"/>
    <cellStyle name="Normal 3 13" xfId="1345"/>
    <cellStyle name="Normal 3 14" xfId="1346"/>
    <cellStyle name="Normal 3 15" xfId="1347"/>
    <cellStyle name="Normal 3 16" xfId="1348"/>
    <cellStyle name="Normal 3 17" xfId="1349"/>
    <cellStyle name="Normal 3 18" xfId="1350"/>
    <cellStyle name="Normal 3 19" xfId="1351"/>
    <cellStyle name="Normal 3 2" xfId="1352"/>
    <cellStyle name="Normal 3 2 2" xfId="1353"/>
    <cellStyle name="Normal 3 20" xfId="1354"/>
    <cellStyle name="Normal 3 21" xfId="1355"/>
    <cellStyle name="Normal 3 22" xfId="1356"/>
    <cellStyle name="Normal 3 23" xfId="1357"/>
    <cellStyle name="Normal 3 24" xfId="1358"/>
    <cellStyle name="Normal 3 25" xfId="1359"/>
    <cellStyle name="Normal 3 26" xfId="1360"/>
    <cellStyle name="Normal 3 27" xfId="1361"/>
    <cellStyle name="Normal 3 28" xfId="1362"/>
    <cellStyle name="Normal 3 29" xfId="1363"/>
    <cellStyle name="Normal 3 3" xfId="1364"/>
    <cellStyle name="Normal 3 30" xfId="1365"/>
    <cellStyle name="Normal 3 31" xfId="1366"/>
    <cellStyle name="Normal 3 32" xfId="1367"/>
    <cellStyle name="Normal 3 33" xfId="1368"/>
    <cellStyle name="Normal 3 34" xfId="1369"/>
    <cellStyle name="Normal 3 35" xfId="1370"/>
    <cellStyle name="Normal 3 36" xfId="1371"/>
    <cellStyle name="Normal 3 37" xfId="1372"/>
    <cellStyle name="Normal 3 38" xfId="1373"/>
    <cellStyle name="Normal 3 39" xfId="1374"/>
    <cellStyle name="Normal 3 4" xfId="1375"/>
    <cellStyle name="Normal 3 40" xfId="1376"/>
    <cellStyle name="Normal 3 41" xfId="1377"/>
    <cellStyle name="Normal 3 42" xfId="1378"/>
    <cellStyle name="Normal 3 43" xfId="1379"/>
    <cellStyle name="Normal 3 44" xfId="1380"/>
    <cellStyle name="Normal 3 45" xfId="1381"/>
    <cellStyle name="Normal 3 46" xfId="1382"/>
    <cellStyle name="Normal 3 47" xfId="1383"/>
    <cellStyle name="Normal 3 48" xfId="1384"/>
    <cellStyle name="Normal 3 49" xfId="1385"/>
    <cellStyle name="Normal 3 5" xfId="1386"/>
    <cellStyle name="Normal 3 50" xfId="1387"/>
    <cellStyle name="Normal 3 51" xfId="1388"/>
    <cellStyle name="Normal 3 52" xfId="1389"/>
    <cellStyle name="Normal 3 53" xfId="1390"/>
    <cellStyle name="Normal 3 54" xfId="1391"/>
    <cellStyle name="Normal 3 55" xfId="1392"/>
    <cellStyle name="Normal 3 56" xfId="1393"/>
    <cellStyle name="Normal 3 57" xfId="1394"/>
    <cellStyle name="Normal 3 58" xfId="1395"/>
    <cellStyle name="Normal 3 59" xfId="1396"/>
    <cellStyle name="Normal 3 6" xfId="1397"/>
    <cellStyle name="Normal 3 60" xfId="1398"/>
    <cellStyle name="Normal 3 61" xfId="1399"/>
    <cellStyle name="Normal 3 7" xfId="1400"/>
    <cellStyle name="Normal 3 8" xfId="1401"/>
    <cellStyle name="Normal 3 9" xfId="1402"/>
    <cellStyle name="Normal 30" xfId="1403"/>
    <cellStyle name="Normal 31" xfId="1404"/>
    <cellStyle name="Normal 31 2" xfId="1405"/>
    <cellStyle name="Normal 32" xfId="1406"/>
    <cellStyle name="Normal 32 2" xfId="1407"/>
    <cellStyle name="Normal 33" xfId="1408"/>
    <cellStyle name="Normal 34" xfId="1409"/>
    <cellStyle name="Normal 35" xfId="1410"/>
    <cellStyle name="Normal 35 2" xfId="1411"/>
    <cellStyle name="Normal 36" xfId="1412"/>
    <cellStyle name="Normal 36 2" xfId="1413"/>
    <cellStyle name="Normal 37" xfId="1414"/>
    <cellStyle name="Normal 37 2" xfId="1415"/>
    <cellStyle name="Normal 38" xfId="1416"/>
    <cellStyle name="Normal 38 2" xfId="1417"/>
    <cellStyle name="Normal 39" xfId="1418"/>
    <cellStyle name="Normal 39 2" xfId="1419"/>
    <cellStyle name="Normal 4" xfId="1420"/>
    <cellStyle name="Normal 4 10" xfId="1421"/>
    <cellStyle name="Normal 4 11" xfId="1422"/>
    <cellStyle name="Normal 4 12" xfId="1423"/>
    <cellStyle name="Normal 4 13" xfId="1424"/>
    <cellStyle name="Normal 4 14" xfId="1425"/>
    <cellStyle name="Normal 4 15" xfId="1426"/>
    <cellStyle name="Normal 4 16" xfId="1427"/>
    <cellStyle name="Normal 4 17" xfId="1428"/>
    <cellStyle name="Normal 4 18" xfId="1429"/>
    <cellStyle name="Normal 4 19" xfId="1430"/>
    <cellStyle name="Normal 4 2" xfId="1431"/>
    <cellStyle name="Normal 4 2 2" xfId="1432"/>
    <cellStyle name="Normal 4 2 2 2" xfId="1433"/>
    <cellStyle name="Normal 4 2 2 2 2" xfId="1434"/>
    <cellStyle name="Normal 4 2 2 2 2 2" xfId="1435"/>
    <cellStyle name="Normal 4 2 2 2 3" xfId="1436"/>
    <cellStyle name="Normal 4 2 2 3" xfId="1437"/>
    <cellStyle name="Normal 4 2 2 3 2" xfId="1438"/>
    <cellStyle name="Normal 4 2 2 4" xfId="1439"/>
    <cellStyle name="Normal 4 2 3" xfId="1440"/>
    <cellStyle name="Normal 4 2 3 2" xfId="1441"/>
    <cellStyle name="Normal 4 2 3 2 2" xfId="1442"/>
    <cellStyle name="Normal 4 2 3 3" xfId="1443"/>
    <cellStyle name="Normal 4 20" xfId="1444"/>
    <cellStyle name="Normal 4 21" xfId="1445"/>
    <cellStyle name="Normal 4 22" xfId="1446"/>
    <cellStyle name="Normal 4 23" xfId="1447"/>
    <cellStyle name="Normal 4 24" xfId="1448"/>
    <cellStyle name="Normal 4 25" xfId="1449"/>
    <cellStyle name="Normal 4 26" xfId="1450"/>
    <cellStyle name="Normal 4 27" xfId="1451"/>
    <cellStyle name="Normal 4 28" xfId="1452"/>
    <cellStyle name="Normal 4 29" xfId="1453"/>
    <cellStyle name="Normal 4 3" xfId="1454"/>
    <cellStyle name="Normal 4 30" xfId="1455"/>
    <cellStyle name="Normal 4 4" xfId="1456"/>
    <cellStyle name="Normal 4 5" xfId="1457"/>
    <cellStyle name="Normal 4 6" xfId="1458"/>
    <cellStyle name="Normal 4 7" xfId="1459"/>
    <cellStyle name="Normal 4 8" xfId="1460"/>
    <cellStyle name="Normal 4 9" xfId="1461"/>
    <cellStyle name="Normal 40" xfId="1462"/>
    <cellStyle name="Normal 40 2" xfId="1463"/>
    <cellStyle name="Normal 41" xfId="1464"/>
    <cellStyle name="Normal 41 2" xfId="1465"/>
    <cellStyle name="Normal 42" xfId="1466"/>
    <cellStyle name="Normal 43" xfId="1467"/>
    <cellStyle name="Normal 44" xfId="1468"/>
    <cellStyle name="Normal 45" xfId="1469"/>
    <cellStyle name="Normal 46" xfId="1470"/>
    <cellStyle name="Normal 47" xfId="1471"/>
    <cellStyle name="Normal 48" xfId="1472"/>
    <cellStyle name="Normal 49" xfId="1473"/>
    <cellStyle name="Normal 5" xfId="1474"/>
    <cellStyle name="Normal 5 10" xfId="1475"/>
    <cellStyle name="Normal 5 10 2" xfId="1476"/>
    <cellStyle name="Normal 5 10 2 2" xfId="1477"/>
    <cellStyle name="Normal 5 10 3" xfId="1478"/>
    <cellStyle name="Normal 5 11" xfId="1479"/>
    <cellStyle name="Normal 5 11 2" xfId="1480"/>
    <cellStyle name="Normal 5 11 2 2" xfId="1481"/>
    <cellStyle name="Normal 5 11 3" xfId="1482"/>
    <cellStyle name="Normal 5 12" xfId="1483"/>
    <cellStyle name="Normal 5 12 2" xfId="1484"/>
    <cellStyle name="Normal 5 12 2 2" xfId="1485"/>
    <cellStyle name="Normal 5 12 3" xfId="1486"/>
    <cellStyle name="Normal 5 13" xfId="1487"/>
    <cellStyle name="Normal 5 13 2" xfId="1488"/>
    <cellStyle name="Normal 5 13 2 2" xfId="1489"/>
    <cellStyle name="Normal 5 13 3" xfId="1490"/>
    <cellStyle name="Normal 5 14" xfId="1491"/>
    <cellStyle name="Normal 5 14 2" xfId="1492"/>
    <cellStyle name="Normal 5 14 2 2" xfId="1493"/>
    <cellStyle name="Normal 5 14 3" xfId="1494"/>
    <cellStyle name="Normal 5 15" xfId="1495"/>
    <cellStyle name="Normal 5 15 2" xfId="1496"/>
    <cellStyle name="Normal 5 15 2 2" xfId="1497"/>
    <cellStyle name="Normal 5 15 3" xfId="1498"/>
    <cellStyle name="Normal 5 16" xfId="1499"/>
    <cellStyle name="Normal 5 16 2" xfId="1500"/>
    <cellStyle name="Normal 5 16 2 2" xfId="1501"/>
    <cellStyle name="Normal 5 16 3" xfId="1502"/>
    <cellStyle name="Normal 5 17" xfId="1503"/>
    <cellStyle name="Normal 5 17 2" xfId="1504"/>
    <cellStyle name="Normal 5 17 2 2" xfId="1505"/>
    <cellStyle name="Normal 5 17 3" xfId="1506"/>
    <cellStyle name="Normal 5 18" xfId="1507"/>
    <cellStyle name="Normal 5 18 2" xfId="1508"/>
    <cellStyle name="Normal 5 18 2 2" xfId="1509"/>
    <cellStyle name="Normal 5 18 3" xfId="1510"/>
    <cellStyle name="Normal 5 19" xfId="1511"/>
    <cellStyle name="Normal 5 19 2" xfId="1512"/>
    <cellStyle name="Normal 5 19 2 2" xfId="1513"/>
    <cellStyle name="Normal 5 19 3" xfId="1514"/>
    <cellStyle name="Normal 5 2" xfId="1515"/>
    <cellStyle name="Normal 5 2 10" xfId="1516"/>
    <cellStyle name="Normal 5 2 11" xfId="1517"/>
    <cellStyle name="Normal 5 2 12" xfId="1518"/>
    <cellStyle name="Normal 5 2 13" xfId="1519"/>
    <cellStyle name="Normal 5 2 14" xfId="1520"/>
    <cellStyle name="Normal 5 2 15" xfId="1521"/>
    <cellStyle name="Normal 5 2 16" xfId="1522"/>
    <cellStyle name="Normal 5 2 17" xfId="1523"/>
    <cellStyle name="Normal 5 2 18" xfId="1524"/>
    <cellStyle name="Normal 5 2 19" xfId="1525"/>
    <cellStyle name="Normal 5 2 2" xfId="1526"/>
    <cellStyle name="Normal 5 2 20" xfId="1527"/>
    <cellStyle name="Normal 5 2 21" xfId="1528"/>
    <cellStyle name="Normal 5 2 22" xfId="1529"/>
    <cellStyle name="Normal 5 2 23" xfId="1530"/>
    <cellStyle name="Normal 5 2 24" xfId="1531"/>
    <cellStyle name="Normal 5 2 25" xfId="1532"/>
    <cellStyle name="Normal 5 2 26" xfId="1533"/>
    <cellStyle name="Normal 5 2 27" xfId="1534"/>
    <cellStyle name="Normal 5 2 28" xfId="1535"/>
    <cellStyle name="Normal 5 2 29" xfId="1536"/>
    <cellStyle name="Normal 5 2 3" xfId="1537"/>
    <cellStyle name="Normal 5 2 4" xfId="1538"/>
    <cellStyle name="Normal 5 2 5" xfId="1539"/>
    <cellStyle name="Normal 5 2 6" xfId="1540"/>
    <cellStyle name="Normal 5 2 7" xfId="1541"/>
    <cellStyle name="Normal 5 2 8" xfId="1542"/>
    <cellStyle name="Normal 5 2 9" xfId="1543"/>
    <cellStyle name="Normal 5 20" xfId="1544"/>
    <cellStyle name="Normal 5 20 2" xfId="1545"/>
    <cellStyle name="Normal 5 20 2 2" xfId="1546"/>
    <cellStyle name="Normal 5 20 3" xfId="1547"/>
    <cellStyle name="Normal 5 21" xfId="1548"/>
    <cellStyle name="Normal 5 21 2" xfId="1549"/>
    <cellStyle name="Normal 5 21 2 2" xfId="1550"/>
    <cellStyle name="Normal 5 21 3" xfId="1551"/>
    <cellStyle name="Normal 5 22" xfId="1552"/>
    <cellStyle name="Normal 5 22 2" xfId="1553"/>
    <cellStyle name="Normal 5 22 2 2" xfId="1554"/>
    <cellStyle name="Normal 5 22 3" xfId="1555"/>
    <cellStyle name="Normal 5 23" xfId="1556"/>
    <cellStyle name="Normal 5 23 2" xfId="1557"/>
    <cellStyle name="Normal 5 23 2 2" xfId="1558"/>
    <cellStyle name="Normal 5 23 3" xfId="1559"/>
    <cellStyle name="Normal 5 24" xfId="1560"/>
    <cellStyle name="Normal 5 24 2" xfId="1561"/>
    <cellStyle name="Normal 5 24 2 2" xfId="1562"/>
    <cellStyle name="Normal 5 24 3" xfId="1563"/>
    <cellStyle name="Normal 5 25" xfId="1564"/>
    <cellStyle name="Normal 5 25 2" xfId="1565"/>
    <cellStyle name="Normal 5 25 2 2" xfId="1566"/>
    <cellStyle name="Normal 5 25 3" xfId="1567"/>
    <cellStyle name="Normal 5 26" xfId="1568"/>
    <cellStyle name="Normal 5 26 2" xfId="1569"/>
    <cellStyle name="Normal 5 26 2 2" xfId="1570"/>
    <cellStyle name="Normal 5 26 3" xfId="1571"/>
    <cellStyle name="Normal 5 27" xfId="1572"/>
    <cellStyle name="Normal 5 27 2" xfId="1573"/>
    <cellStyle name="Normal 5 27 2 2" xfId="1574"/>
    <cellStyle name="Normal 5 27 3" xfId="1575"/>
    <cellStyle name="Normal 5 28" xfId="1576"/>
    <cellStyle name="Normal 5 28 2" xfId="1577"/>
    <cellStyle name="Normal 5 28 2 2" xfId="1578"/>
    <cellStyle name="Normal 5 28 3" xfId="1579"/>
    <cellStyle name="Normal 5 29" xfId="1580"/>
    <cellStyle name="Normal 5 29 2" xfId="1581"/>
    <cellStyle name="Normal 5 29 2 2" xfId="1582"/>
    <cellStyle name="Normal 5 29 3" xfId="1583"/>
    <cellStyle name="Normal 5 3" xfId="1584"/>
    <cellStyle name="Normal 5 3 2" xfId="1585"/>
    <cellStyle name="Normal 5 30" xfId="1586"/>
    <cellStyle name="Normal 5 30 2" xfId="1587"/>
    <cellStyle name="Normal 5 30 2 2" xfId="1588"/>
    <cellStyle name="Normal 5 30 3" xfId="1589"/>
    <cellStyle name="Normal 5 31" xfId="1590"/>
    <cellStyle name="Normal 5 31 2" xfId="1591"/>
    <cellStyle name="Normal 5 31 2 2" xfId="1592"/>
    <cellStyle name="Normal 5 31 3" xfId="1593"/>
    <cellStyle name="Normal 5 32" xfId="1594"/>
    <cellStyle name="Normal 5 32 2" xfId="1595"/>
    <cellStyle name="Normal 5 33" xfId="1596"/>
    <cellStyle name="Normal 5 4" xfId="1597"/>
    <cellStyle name="Normal 5 4 2" xfId="1598"/>
    <cellStyle name="Normal 5 4 2 2" xfId="1599"/>
    <cellStyle name="Normal 5 4 2 2 2" xfId="1600"/>
    <cellStyle name="Normal 5 4 2 2 2 2" xfId="1601"/>
    <cellStyle name="Normal 5 4 2 2 3" xfId="1602"/>
    <cellStyle name="Normal 5 4 2 3" xfId="1603"/>
    <cellStyle name="Normal 5 4 2 3 2" xfId="1604"/>
    <cellStyle name="Normal 5 4 2 4" xfId="1605"/>
    <cellStyle name="Normal 5 4 3" xfId="1606"/>
    <cellStyle name="Normal 5 4 3 2" xfId="1607"/>
    <cellStyle name="Normal 5 4 4" xfId="1608"/>
    <cellStyle name="Normal 5 5" xfId="1609"/>
    <cellStyle name="Normal 5 5 2" xfId="1610"/>
    <cellStyle name="Normal 5 5 2 2" xfId="1611"/>
    <cellStyle name="Normal 5 5 3" xfId="1612"/>
    <cellStyle name="Normal 5 6" xfId="1613"/>
    <cellStyle name="Normal 5 6 2" xfId="1614"/>
    <cellStyle name="Normal 5 6 2 2" xfId="1615"/>
    <cellStyle name="Normal 5 6 3" xfId="1616"/>
    <cellStyle name="Normal 5 7" xfId="1617"/>
    <cellStyle name="Normal 5 7 2" xfId="1618"/>
    <cellStyle name="Normal 5 7 2 2" xfId="1619"/>
    <cellStyle name="Normal 5 7 3" xfId="1620"/>
    <cellStyle name="Normal 5 8" xfId="1621"/>
    <cellStyle name="Normal 5 8 2" xfId="1622"/>
    <cellStyle name="Normal 5 8 2 2" xfId="1623"/>
    <cellStyle name="Normal 5 8 3" xfId="1624"/>
    <cellStyle name="Normal 5 9" xfId="1625"/>
    <cellStyle name="Normal 5 9 2" xfId="1626"/>
    <cellStyle name="Normal 5 9 2 2" xfId="1627"/>
    <cellStyle name="Normal 5 9 3" xfId="1628"/>
    <cellStyle name="Normal 5_02-003-00 - Administracion de Justicia Dpto. de Concepcion" xfId="1629"/>
    <cellStyle name="Normal 50" xfId="1630"/>
    <cellStyle name="Normal 51" xfId="1631"/>
    <cellStyle name="Normal 52" xfId="1632"/>
    <cellStyle name="Normal 6" xfId="1633"/>
    <cellStyle name="Normal 6 2" xfId="1634"/>
    <cellStyle name="Normal 6 3" xfId="1635"/>
    <cellStyle name="Normal 7" xfId="1636"/>
    <cellStyle name="Normal 7 2" xfId="1637"/>
    <cellStyle name="Normal 7 2 2" xfId="1638"/>
    <cellStyle name="Normal 8" xfId="1639"/>
    <cellStyle name="Normal 8 2" xfId="1640"/>
    <cellStyle name="Normal 8 3" xfId="1641"/>
    <cellStyle name="Normal 8 4" xfId="1642"/>
    <cellStyle name="Normal 8 4 2" xfId="1643"/>
    <cellStyle name="Normal 8 4 2 2" xfId="1644"/>
    <cellStyle name="Normal 8 4 3" xfId="1645"/>
    <cellStyle name="Normal 8 4 3 2" xfId="1646"/>
    <cellStyle name="Normal 8 4 4" xfId="1647"/>
    <cellStyle name="Normal 8 5" xfId="1648"/>
    <cellStyle name="Normal 8 5 2" xfId="1649"/>
    <cellStyle name="Normal 8 5 2 2" xfId="1650"/>
    <cellStyle name="Normal 8 5 2 2 2" xfId="1651"/>
    <cellStyle name="Normal 8 5 2 3" xfId="1652"/>
    <cellStyle name="Normal 8 5 3" xfId="1653"/>
    <cellStyle name="Normal 9" xfId="1654"/>
    <cellStyle name="Porcentaje" xfId="1655" builtinId="5"/>
    <cellStyle name="Porcentaje 10" xfId="1656"/>
    <cellStyle name="Porcentaje 10 2" xfId="1657"/>
    <cellStyle name="Porcentaje 11" xfId="1658"/>
    <cellStyle name="Porcentaje 11 2" xfId="1659"/>
    <cellStyle name="Porcentaje 12" xfId="1660"/>
    <cellStyle name="Porcentaje 12 2" xfId="1661"/>
    <cellStyle name="Porcentaje 13" xfId="1662"/>
    <cellStyle name="Porcentaje 13 2" xfId="1663"/>
    <cellStyle name="Porcentaje 14" xfId="1664"/>
    <cellStyle name="Porcentaje 14 2" xfId="1665"/>
    <cellStyle name="Porcentaje 15" xfId="1666"/>
    <cellStyle name="Porcentaje 15 2" xfId="1667"/>
    <cellStyle name="Porcentaje 16" xfId="1668"/>
    <cellStyle name="Porcentaje 17" xfId="1669"/>
    <cellStyle name="Porcentaje 18" xfId="1670"/>
    <cellStyle name="Porcentaje 19" xfId="1671"/>
    <cellStyle name="Porcentaje 2" xfId="1672"/>
    <cellStyle name="Porcentaje 2 2" xfId="1673"/>
    <cellStyle name="Porcentaje 2 2 2" xfId="1674"/>
    <cellStyle name="Porcentaje 2 3" xfId="1675"/>
    <cellStyle name="Porcentaje 3" xfId="1676"/>
    <cellStyle name="Porcentaje 4" xfId="1677"/>
    <cellStyle name="Porcentaje 5" xfId="1678"/>
    <cellStyle name="Porcentaje 5 2" xfId="1679"/>
    <cellStyle name="Porcentaje 5 2 2" xfId="1680"/>
    <cellStyle name="Porcentaje 5 3" xfId="1681"/>
    <cellStyle name="Porcentaje 6" xfId="1682"/>
    <cellStyle name="Porcentaje 7" xfId="1683"/>
    <cellStyle name="Porcentaje 7 2" xfId="1684"/>
    <cellStyle name="Porcentaje 8" xfId="1685"/>
    <cellStyle name="Porcentaje 8 2" xfId="1686"/>
    <cellStyle name="Porcentaje 9" xfId="1687"/>
    <cellStyle name="Porcentaje 9 2" xfId="1688"/>
    <cellStyle name="Porcentual 2" xfId="1689"/>
    <cellStyle name="Porcentual 2 10" xfId="1690"/>
    <cellStyle name="Porcentual 2 11" xfId="1691"/>
    <cellStyle name="Porcentual 2 12" xfId="1692"/>
    <cellStyle name="Porcentual 2 13" xfId="1693"/>
    <cellStyle name="Porcentual 2 14" xfId="1694"/>
    <cellStyle name="Porcentual 2 15" xfId="1695"/>
    <cellStyle name="Porcentual 2 16" xfId="1696"/>
    <cellStyle name="Porcentual 2 17" xfId="1697"/>
    <cellStyle name="Porcentual 2 18" xfId="1698"/>
    <cellStyle name="Porcentual 2 19" xfId="1699"/>
    <cellStyle name="Porcentual 2 2" xfId="1700"/>
    <cellStyle name="Porcentual 2 2 2" xfId="1701"/>
    <cellStyle name="Porcentual 2 2 3" xfId="1702"/>
    <cellStyle name="Porcentual 2 2 3 2" xfId="1703"/>
    <cellStyle name="Porcentual 2 2 4" xfId="1704"/>
    <cellStyle name="Porcentual 2 20" xfId="1705"/>
    <cellStyle name="Porcentual 2 21" xfId="1706"/>
    <cellStyle name="Porcentual 2 22" xfId="1707"/>
    <cellStyle name="Porcentual 2 23" xfId="1708"/>
    <cellStyle name="Porcentual 2 24" xfId="1709"/>
    <cellStyle name="Porcentual 2 25" xfId="1710"/>
    <cellStyle name="Porcentual 2 26" xfId="1711"/>
    <cellStyle name="Porcentual 2 27" xfId="1712"/>
    <cellStyle name="Porcentual 2 28" xfId="1713"/>
    <cellStyle name="Porcentual 2 29" xfId="1714"/>
    <cellStyle name="Porcentual 2 3" xfId="1715"/>
    <cellStyle name="Porcentual 2 4" xfId="1716"/>
    <cellStyle name="Porcentual 2 5" xfId="1717"/>
    <cellStyle name="Porcentual 2 6" xfId="1718"/>
    <cellStyle name="Porcentual 2 7" xfId="1719"/>
    <cellStyle name="Porcentual 2 8" xfId="1720"/>
    <cellStyle name="Porcentual 2 9" xfId="1721"/>
    <cellStyle name="Porcentual 3" xfId="1722"/>
    <cellStyle name="Porcentual 3 10" xfId="1723"/>
    <cellStyle name="Porcentual 3 11" xfId="1724"/>
    <cellStyle name="Porcentual 3 12" xfId="1725"/>
    <cellStyle name="Porcentual 3 13" xfId="1726"/>
    <cellStyle name="Porcentual 3 14" xfId="1727"/>
    <cellStyle name="Porcentual 3 15" xfId="1728"/>
    <cellStyle name="Porcentual 3 16" xfId="1729"/>
    <cellStyle name="Porcentual 3 17" xfId="1730"/>
    <cellStyle name="Porcentual 3 18" xfId="1731"/>
    <cellStyle name="Porcentual 3 19" xfId="1732"/>
    <cellStyle name="Porcentual 3 2" xfId="1733"/>
    <cellStyle name="Porcentual 3 20" xfId="1734"/>
    <cellStyle name="Porcentual 3 21" xfId="1735"/>
    <cellStyle name="Porcentual 3 22" xfId="1736"/>
    <cellStyle name="Porcentual 3 23" xfId="1737"/>
    <cellStyle name="Porcentual 3 24" xfId="1738"/>
    <cellStyle name="Porcentual 3 25" xfId="1739"/>
    <cellStyle name="Porcentual 3 26" xfId="1740"/>
    <cellStyle name="Porcentual 3 27" xfId="1741"/>
    <cellStyle name="Porcentual 3 28" xfId="1742"/>
    <cellStyle name="Porcentual 3 29" xfId="1743"/>
    <cellStyle name="Porcentual 3 3" xfId="1744"/>
    <cellStyle name="Porcentual 3 30" xfId="1745"/>
    <cellStyle name="Porcentual 3 31" xfId="1746"/>
    <cellStyle name="Porcentual 3 32" xfId="1747"/>
    <cellStyle name="Porcentual 3 33" xfId="1748"/>
    <cellStyle name="Porcentual 3 34" xfId="1749"/>
    <cellStyle name="Porcentual 3 35" xfId="1750"/>
    <cellStyle name="Porcentual 3 36" xfId="1751"/>
    <cellStyle name="Porcentual 3 37" xfId="1752"/>
    <cellStyle name="Porcentual 3 38" xfId="1753"/>
    <cellStyle name="Porcentual 3 4" xfId="1754"/>
    <cellStyle name="Porcentual 3 5" xfId="1755"/>
    <cellStyle name="Porcentual 3 6" xfId="1756"/>
    <cellStyle name="Porcentual 3 7" xfId="1757"/>
    <cellStyle name="Porcentual 3 8" xfId="1758"/>
    <cellStyle name="Porcentual 3 9" xfId="1759"/>
    <cellStyle name="Porcentual 4" xfId="1760"/>
    <cellStyle name="Porcentual 4 10" xfId="1761"/>
    <cellStyle name="Porcentual 4 11" xfId="1762"/>
    <cellStyle name="Porcentual 4 12" xfId="1763"/>
    <cellStyle name="Porcentual 4 13" xfId="1764"/>
    <cellStyle name="Porcentual 4 14" xfId="1765"/>
    <cellStyle name="Porcentual 4 15" xfId="1766"/>
    <cellStyle name="Porcentual 4 16" xfId="1767"/>
    <cellStyle name="Porcentual 4 17" xfId="1768"/>
    <cellStyle name="Porcentual 4 18" xfId="1769"/>
    <cellStyle name="Porcentual 4 19" xfId="1770"/>
    <cellStyle name="Porcentual 4 2" xfId="1771"/>
    <cellStyle name="Porcentual 4 2 2" xfId="1772"/>
    <cellStyle name="Porcentual 4 2 3" xfId="1773"/>
    <cellStyle name="Porcentual 4 20" xfId="1774"/>
    <cellStyle name="Porcentual 4 21" xfId="1775"/>
    <cellStyle name="Porcentual 4 22" xfId="1776"/>
    <cellStyle name="Porcentual 4 23" xfId="1777"/>
    <cellStyle name="Porcentual 4 24" xfId="1778"/>
    <cellStyle name="Porcentual 4 25" xfId="1779"/>
    <cellStyle name="Porcentual 4 26" xfId="1780"/>
    <cellStyle name="Porcentual 4 27" xfId="1781"/>
    <cellStyle name="Porcentual 4 28" xfId="1782"/>
    <cellStyle name="Porcentual 4 29" xfId="1783"/>
    <cellStyle name="Porcentual 4 3" xfId="1784"/>
    <cellStyle name="Porcentual 4 4" xfId="1785"/>
    <cellStyle name="Porcentual 4 5" xfId="1786"/>
    <cellStyle name="Porcentual 4 6" xfId="1787"/>
    <cellStyle name="Porcentual 4 7" xfId="1788"/>
    <cellStyle name="Porcentual 4 8" xfId="1789"/>
    <cellStyle name="Porcentual 4 9" xfId="1790"/>
    <cellStyle name="Porcentual 5" xfId="1791"/>
    <cellStyle name="Porcentual 5 2" xfId="1792"/>
    <cellStyle name="Porcentual 5 3" xfId="1793"/>
    <cellStyle name="Porcentual 5 4" xfId="1794"/>
    <cellStyle name="Porcentual 5 5" xfId="1795"/>
    <cellStyle name="Porcentual 6" xfId="1796"/>
    <cellStyle name="Porcentual 6 2" xfId="1797"/>
    <cellStyle name="Porcentual 7" xfId="1798"/>
    <cellStyle name="Porcentual 7 2" xfId="1799"/>
    <cellStyle name="Porcentual 7 3" xfId="1800"/>
    <cellStyle name="Porcentual 7 3 2" xfId="1801"/>
    <cellStyle name="Porcentual 7 4" xfId="1802"/>
    <cellStyle name="Porcentual 8" xfId="1803"/>
    <cellStyle name="Porcentual 8 2" xfId="1804"/>
    <cellStyle name="Porcentual 9" xfId="1805"/>
    <cellStyle name="Porcentual 9 2" xfId="1806"/>
  </cellStyles>
  <dxfs count="46"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styles" Target="styles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6</c:f>
              <c:strCache>
                <c:ptCount val="1"/>
                <c:pt idx="0">
                  <c:v>EJECUTADO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7:$N$9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7:$P$9</c:f>
              <c:numCache>
                <c:formatCode>0%</c:formatCode>
                <c:ptCount val="3"/>
                <c:pt idx="0">
                  <c:v>0.64123700830552322</c:v>
                </c:pt>
                <c:pt idx="1">
                  <c:v>0.71098636445124763</c:v>
                </c:pt>
                <c:pt idx="2">
                  <c:v>0.4968815560001188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6</c:f>
              <c:strCache>
                <c:ptCount val="1"/>
                <c:pt idx="0">
                  <c:v>SALDO PRESUPUESTARIO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7:$N$9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7:$O$9</c:f>
              <c:numCache>
                <c:formatCode>0%</c:formatCode>
                <c:ptCount val="3"/>
                <c:pt idx="0">
                  <c:v>0.35876299169447673</c:v>
                </c:pt>
                <c:pt idx="1">
                  <c:v>0.28901363554875242</c:v>
                </c:pt>
                <c:pt idx="2">
                  <c:v>0.503118443999881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layout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4</c:f>
              <c:strCache>
                <c:ptCount val="1"/>
                <c:pt idx="0">
                  <c:v>EJECUTADO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1.0480830083155486E-2"/>
                  <c:y val="0.44620984173242739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0.22804268158069027"/>
                  <c:y val="-0.2884014912098102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5:$N$17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5:$P$17</c:f>
              <c:numCache>
                <c:formatCode>0%</c:formatCode>
                <c:ptCount val="3"/>
                <c:pt idx="0">
                  <c:v>0.69109308879938569</c:v>
                </c:pt>
                <c:pt idx="1">
                  <c:v>3.8539920305813193E-2</c:v>
                </c:pt>
                <c:pt idx="2">
                  <c:v>0.27036699089480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0</c:f>
              <c:strCache>
                <c:ptCount val="1"/>
                <c:pt idx="0">
                  <c:v>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1:$N$27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1:$R$27</c:f>
              <c:numCache>
                <c:formatCode>0%</c:formatCode>
                <c:ptCount val="7"/>
                <c:pt idx="0">
                  <c:v>0.73306472777909937</c:v>
                </c:pt>
                <c:pt idx="1">
                  <c:v>0.66746783377473351</c:v>
                </c:pt>
                <c:pt idx="2">
                  <c:v>0.4580501428849888</c:v>
                </c:pt>
                <c:pt idx="3">
                  <c:v>0.4091219788530383</c:v>
                </c:pt>
                <c:pt idx="4">
                  <c:v>0.49688155600011891</c:v>
                </c:pt>
                <c:pt idx="5">
                  <c:v>0.49818793766142322</c:v>
                </c:pt>
                <c:pt idx="6">
                  <c:v>0.642928051848034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0</c:f>
              <c:strCache>
                <c:ptCount val="1"/>
                <c:pt idx="0">
                  <c:v>SALDO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1:$N$27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1:$S$27</c:f>
              <c:numCache>
                <c:formatCode>0%</c:formatCode>
                <c:ptCount val="7"/>
                <c:pt idx="0">
                  <c:v>0.26693527222090058</c:v>
                </c:pt>
                <c:pt idx="1">
                  <c:v>0.33253216622526649</c:v>
                </c:pt>
                <c:pt idx="2">
                  <c:v>0.5419498571150112</c:v>
                </c:pt>
                <c:pt idx="3">
                  <c:v>0.59087802114696164</c:v>
                </c:pt>
                <c:pt idx="4">
                  <c:v>0.50311844399988115</c:v>
                </c:pt>
                <c:pt idx="5">
                  <c:v>0.50181206233857667</c:v>
                </c:pt>
                <c:pt idx="6">
                  <c:v>0.357071948151965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chart" Target="../charts/chart3.xml"/><Relationship Id="rId4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image" Target="../media/image7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0</xdr:colOff>
      <xdr:row>0</xdr:row>
      <xdr:rowOff>95250</xdr:rowOff>
    </xdr:from>
    <xdr:to>
      <xdr:col>5</xdr:col>
      <xdr:colOff>85725</xdr:colOff>
      <xdr:row>1</xdr:row>
      <xdr:rowOff>19050</xdr:rowOff>
    </xdr:to>
    <xdr:pic>
      <xdr:nvPicPr>
        <xdr:cNvPr id="29792280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05600" y="95250"/>
          <a:ext cx="1219200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76200</xdr:colOff>
      <xdr:row>0</xdr:row>
      <xdr:rowOff>95250</xdr:rowOff>
    </xdr:from>
    <xdr:to>
      <xdr:col>0</xdr:col>
      <xdr:colOff>1314450</xdr:colOff>
      <xdr:row>0</xdr:row>
      <xdr:rowOff>571500</xdr:rowOff>
    </xdr:to>
    <xdr:pic>
      <xdr:nvPicPr>
        <xdr:cNvPr id="29792281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" y="95250"/>
          <a:ext cx="123825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04775</xdr:colOff>
      <xdr:row>6</xdr:row>
      <xdr:rowOff>38100</xdr:rowOff>
    </xdr:from>
    <xdr:to>
      <xdr:col>11</xdr:col>
      <xdr:colOff>647700</xdr:colOff>
      <xdr:row>13</xdr:row>
      <xdr:rowOff>295275</xdr:rowOff>
    </xdr:to>
    <xdr:graphicFrame macro="">
      <xdr:nvGraphicFramePr>
        <xdr:cNvPr id="29793340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219075</xdr:colOff>
      <xdr:row>15</xdr:row>
      <xdr:rowOff>19050</xdr:rowOff>
    </xdr:from>
    <xdr:to>
      <xdr:col>11</xdr:col>
      <xdr:colOff>742950</xdr:colOff>
      <xdr:row>19</xdr:row>
      <xdr:rowOff>0</xdr:rowOff>
    </xdr:to>
    <xdr:graphicFrame macro="">
      <xdr:nvGraphicFramePr>
        <xdr:cNvPr id="29793341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9525</xdr:colOff>
      <xdr:row>0</xdr:row>
      <xdr:rowOff>0</xdr:rowOff>
    </xdr:from>
    <xdr:to>
      <xdr:col>0</xdr:col>
      <xdr:colOff>1009650</xdr:colOff>
      <xdr:row>2</xdr:row>
      <xdr:rowOff>57150</xdr:rowOff>
    </xdr:to>
    <xdr:pic>
      <xdr:nvPicPr>
        <xdr:cNvPr id="29793342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525" y="0"/>
          <a:ext cx="1000125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0</xdr:col>
      <xdr:colOff>104775</xdr:colOff>
      <xdr:row>0</xdr:row>
      <xdr:rowOff>38100</xdr:rowOff>
    </xdr:from>
    <xdr:to>
      <xdr:col>11</xdr:col>
      <xdr:colOff>676275</xdr:colOff>
      <xdr:row>3</xdr:row>
      <xdr:rowOff>247650</xdr:rowOff>
    </xdr:to>
    <xdr:pic>
      <xdr:nvPicPr>
        <xdr:cNvPr id="29793343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496675" y="38100"/>
          <a:ext cx="1333500" cy="876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</xdr:col>
      <xdr:colOff>219075</xdr:colOff>
      <xdr:row>19</xdr:row>
      <xdr:rowOff>19050</xdr:rowOff>
    </xdr:from>
    <xdr:to>
      <xdr:col>11</xdr:col>
      <xdr:colOff>742950</xdr:colOff>
      <xdr:row>28</xdr:row>
      <xdr:rowOff>104775</xdr:rowOff>
    </xdr:to>
    <xdr:graphicFrame macro="">
      <xdr:nvGraphicFramePr>
        <xdr:cNvPr id="29793344" name="7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47750</xdr:colOff>
      <xdr:row>0</xdr:row>
      <xdr:rowOff>28575</xdr:rowOff>
    </xdr:from>
    <xdr:to>
      <xdr:col>4</xdr:col>
      <xdr:colOff>733425</xdr:colOff>
      <xdr:row>2</xdr:row>
      <xdr:rowOff>0</xdr:rowOff>
    </xdr:to>
    <xdr:pic>
      <xdr:nvPicPr>
        <xdr:cNvPr id="29797400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53225" y="28575"/>
          <a:ext cx="1143000" cy="3905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0</xdr:colOff>
      <xdr:row>0</xdr:row>
      <xdr:rowOff>9525</xdr:rowOff>
    </xdr:from>
    <xdr:to>
      <xdr:col>0</xdr:col>
      <xdr:colOff>1114425</xdr:colOff>
      <xdr:row>2</xdr:row>
      <xdr:rowOff>0</xdr:rowOff>
    </xdr:to>
    <xdr:pic>
      <xdr:nvPicPr>
        <xdr:cNvPr id="29797401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9525"/>
          <a:ext cx="1114425" cy="4095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85775</xdr:colOff>
      <xdr:row>0</xdr:row>
      <xdr:rowOff>57150</xdr:rowOff>
    </xdr:from>
    <xdr:to>
      <xdr:col>7</xdr:col>
      <xdr:colOff>609600</xdr:colOff>
      <xdr:row>4</xdr:row>
      <xdr:rowOff>9525</xdr:rowOff>
    </xdr:to>
    <xdr:pic>
      <xdr:nvPicPr>
        <xdr:cNvPr id="28618317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00" y="57150"/>
          <a:ext cx="1266825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1</xdr:col>
      <xdr:colOff>647700</xdr:colOff>
      <xdr:row>3</xdr:row>
      <xdr:rowOff>0</xdr:rowOff>
    </xdr:to>
    <xdr:pic>
      <xdr:nvPicPr>
        <xdr:cNvPr id="28618318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95400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725</xdr:colOff>
      <xdr:row>0</xdr:row>
      <xdr:rowOff>114300</xdr:rowOff>
    </xdr:from>
    <xdr:to>
      <xdr:col>0</xdr:col>
      <xdr:colOff>1209675</xdr:colOff>
      <xdr:row>2</xdr:row>
      <xdr:rowOff>95250</xdr:rowOff>
    </xdr:to>
    <xdr:pic>
      <xdr:nvPicPr>
        <xdr:cNvPr id="29798424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725" y="114300"/>
          <a:ext cx="1123950" cy="4286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7</xdr:col>
      <xdr:colOff>1190625</xdr:colOff>
      <xdr:row>0</xdr:row>
      <xdr:rowOff>57150</xdr:rowOff>
    </xdr:from>
    <xdr:to>
      <xdr:col>9</xdr:col>
      <xdr:colOff>19050</xdr:colOff>
      <xdr:row>3</xdr:row>
      <xdr:rowOff>123825</xdr:rowOff>
    </xdr:to>
    <xdr:pic>
      <xdr:nvPicPr>
        <xdr:cNvPr id="29798425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125075" y="57150"/>
          <a:ext cx="1295400" cy="6286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 t="str">
            <v/>
          </cell>
          <cell r="C13" t="str">
            <v/>
          </cell>
          <cell r="D13">
            <v>4</v>
          </cell>
          <cell r="E13" t="str">
            <v/>
          </cell>
          <cell r="F13">
            <v>6</v>
          </cell>
          <cell r="H13" t="str">
            <v/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 t="str">
            <v/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 t="str">
            <v/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 t="str">
            <v/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 t="str">
            <v/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 t="str">
            <v/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 t="str">
            <v/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 t="str">
            <v/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 t="str">
            <v/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 t="str">
            <v/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 t="str">
            <v/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 t="str">
            <v/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 t="str">
            <v/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 t="str">
            <v/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 t="str">
            <v/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 t="str">
            <v/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 t="str">
            <v/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 t="str">
            <v/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 t="str">
            <v/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 t="str">
            <v/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 t="str">
            <v/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 t="str">
            <v/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 t="str">
            <v/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 t="str">
            <v/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 t="str">
            <v/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 t="str">
            <v/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 t="str">
            <v/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 t="str">
            <v/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 t="str">
            <v/>
          </cell>
          <cell r="D366" t="str">
            <v>1312734</v>
          </cell>
          <cell r="E366" t="str">
            <v/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 t="str">
            <v/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 t="str">
            <v/>
          </cell>
          <cell r="D371" t="str">
            <v>1312734</v>
          </cell>
          <cell r="E371" t="str">
            <v/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 t="str">
            <v/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 t="str">
            <v/>
          </cell>
        </row>
        <row r="419">
          <cell r="A419">
            <v>309</v>
          </cell>
          <cell r="B419" t="str">
            <v>TOTAL ANUAL</v>
          </cell>
          <cell r="E419" t="str">
            <v/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HC45"/>
  <sheetViews>
    <sheetView showGridLines="0" tabSelected="1" view="pageBreakPreview" topLeftCell="A23" zoomScaleNormal="85" zoomScaleSheetLayoutView="100" workbookViewId="0">
      <selection activeCell="A45" sqref="A45:F45"/>
    </sheetView>
  </sheetViews>
  <sheetFormatPr baseColWidth="10" defaultRowHeight="16.5" x14ac:dyDescent="0.3"/>
  <cols>
    <col min="1" max="1" width="40.140625" style="89" customWidth="1"/>
    <col min="2" max="2" width="18.42578125" style="79" customWidth="1"/>
    <col min="3" max="3" width="19.7109375" style="79" customWidth="1"/>
    <col min="4" max="4" width="22.28515625" style="79" customWidth="1"/>
    <col min="5" max="5" width="17" style="79" customWidth="1"/>
    <col min="6" max="6" width="8.85546875" style="79" customWidth="1"/>
    <col min="7" max="7" width="20.5703125" style="79" customWidth="1"/>
    <col min="8" max="8" width="23" style="79" customWidth="1"/>
    <col min="9" max="16384" width="11.42578125" style="79"/>
  </cols>
  <sheetData>
    <row r="1" spans="1:211" s="81" customFormat="1" ht="59.25" customHeight="1" x14ac:dyDescent="0.3">
      <c r="A1" s="204" t="s">
        <v>70</v>
      </c>
      <c r="B1" s="80"/>
      <c r="C1" s="78"/>
      <c r="D1" s="78"/>
      <c r="E1" s="78"/>
    </row>
    <row r="2" spans="1:211" s="82" customFormat="1" ht="17.25" customHeight="1" x14ac:dyDescent="0.3">
      <c r="A2" s="227" t="s">
        <v>217</v>
      </c>
      <c r="B2" s="227"/>
      <c r="C2" s="227"/>
      <c r="D2" s="227"/>
      <c r="E2" s="227"/>
    </row>
    <row r="3" spans="1:211" s="82" customFormat="1" ht="18" customHeight="1" x14ac:dyDescent="0.3">
      <c r="A3" s="228" t="s">
        <v>251</v>
      </c>
      <c r="B3" s="228"/>
      <c r="C3" s="228"/>
      <c r="D3" s="228"/>
      <c r="E3" s="228"/>
    </row>
    <row r="4" spans="1:211" s="82" customFormat="1" ht="24" customHeight="1" thickBot="1" x14ac:dyDescent="0.35">
      <c r="A4" s="226" t="s">
        <v>189</v>
      </c>
      <c r="B4" s="226"/>
      <c r="C4" s="226"/>
      <c r="D4" s="226"/>
      <c r="E4" s="226"/>
      <c r="F4" s="83"/>
      <c r="G4" s="83"/>
      <c r="H4" s="83"/>
      <c r="I4" s="83"/>
      <c r="J4" s="83"/>
      <c r="K4" s="84"/>
      <c r="L4" s="84"/>
      <c r="M4" s="84"/>
      <c r="N4" s="84"/>
      <c r="O4" s="84"/>
      <c r="P4" s="84"/>
      <c r="Q4" s="84"/>
      <c r="R4" s="84"/>
      <c r="S4" s="84"/>
      <c r="T4" s="84"/>
      <c r="U4" s="84"/>
      <c r="V4" s="84"/>
      <c r="W4" s="84"/>
      <c r="X4" s="84"/>
      <c r="Y4" s="84"/>
      <c r="Z4" s="84"/>
      <c r="AA4" s="84"/>
      <c r="AB4" s="84"/>
      <c r="AC4" s="84"/>
      <c r="AD4" s="84"/>
      <c r="AE4" s="84"/>
      <c r="AF4" s="84"/>
      <c r="AG4" s="84"/>
      <c r="AH4" s="84"/>
      <c r="AI4" s="84"/>
      <c r="AJ4" s="84"/>
      <c r="AK4" s="84"/>
      <c r="AL4" s="84"/>
      <c r="AM4" s="84"/>
      <c r="AN4" s="84"/>
      <c r="AO4" s="84"/>
      <c r="AP4" s="84"/>
      <c r="AQ4" s="84"/>
      <c r="AR4" s="84"/>
      <c r="AS4" s="84"/>
      <c r="AT4" s="84"/>
      <c r="AU4" s="84"/>
      <c r="AV4" s="84"/>
      <c r="AW4" s="84"/>
      <c r="AX4" s="84"/>
      <c r="AY4" s="84"/>
      <c r="AZ4" s="84"/>
      <c r="BA4" s="84"/>
      <c r="BB4" s="84"/>
      <c r="BC4" s="84"/>
      <c r="BD4" s="84"/>
      <c r="BE4" s="84"/>
      <c r="BF4" s="84"/>
      <c r="BG4" s="84"/>
      <c r="BH4" s="84"/>
      <c r="BI4" s="84"/>
      <c r="BJ4" s="84"/>
      <c r="BK4" s="84"/>
      <c r="BL4" s="84"/>
      <c r="BM4" s="84"/>
      <c r="BN4" s="84"/>
      <c r="BO4" s="84"/>
      <c r="BP4" s="84"/>
      <c r="BQ4" s="84"/>
      <c r="BR4" s="84"/>
      <c r="BS4" s="84"/>
      <c r="BT4" s="84"/>
      <c r="BU4" s="84"/>
      <c r="BV4" s="84"/>
      <c r="BW4" s="84"/>
      <c r="BX4" s="84"/>
      <c r="BY4" s="84"/>
      <c r="BZ4" s="84"/>
      <c r="CA4" s="84"/>
      <c r="CB4" s="84"/>
      <c r="CC4" s="84"/>
      <c r="CD4" s="84"/>
      <c r="CE4" s="84"/>
      <c r="CF4" s="84"/>
      <c r="CG4" s="84"/>
      <c r="CH4" s="84"/>
      <c r="CI4" s="84"/>
      <c r="CJ4" s="84"/>
      <c r="CK4" s="84"/>
      <c r="CL4" s="84"/>
      <c r="CM4" s="84"/>
      <c r="CN4" s="84"/>
      <c r="CO4" s="84"/>
      <c r="CP4" s="84"/>
      <c r="CQ4" s="84"/>
      <c r="CR4" s="84"/>
      <c r="CS4" s="84"/>
      <c r="CT4" s="84"/>
      <c r="CU4" s="84"/>
      <c r="CV4" s="84"/>
      <c r="CW4" s="84"/>
      <c r="CX4" s="84"/>
      <c r="CY4" s="84"/>
      <c r="CZ4" s="84"/>
      <c r="DA4" s="84"/>
      <c r="DB4" s="84"/>
      <c r="DC4" s="84"/>
      <c r="DD4" s="84"/>
      <c r="DE4" s="84"/>
      <c r="DF4" s="84"/>
      <c r="DG4" s="84"/>
      <c r="DH4" s="84"/>
      <c r="DI4" s="84"/>
      <c r="DJ4" s="84"/>
      <c r="DK4" s="84"/>
      <c r="DL4" s="84"/>
      <c r="DM4" s="84"/>
      <c r="DN4" s="84"/>
      <c r="DO4" s="84"/>
      <c r="DP4" s="84"/>
      <c r="DQ4" s="84"/>
      <c r="DR4" s="84"/>
      <c r="DS4" s="84"/>
      <c r="DT4" s="84"/>
      <c r="DU4" s="84"/>
      <c r="DV4" s="84"/>
      <c r="DW4" s="84"/>
      <c r="DX4" s="84"/>
      <c r="DY4" s="84"/>
      <c r="DZ4" s="84"/>
      <c r="EA4" s="84"/>
      <c r="EB4" s="84"/>
      <c r="EC4" s="84"/>
      <c r="ED4" s="84"/>
      <c r="EE4" s="84"/>
      <c r="EF4" s="84"/>
      <c r="EG4" s="84"/>
      <c r="EH4" s="84"/>
      <c r="EI4" s="84"/>
      <c r="EJ4" s="84"/>
      <c r="EK4" s="84"/>
      <c r="EL4" s="84"/>
      <c r="EM4" s="84"/>
      <c r="EN4" s="84"/>
      <c r="EO4" s="84"/>
      <c r="EP4" s="84"/>
      <c r="EQ4" s="84"/>
      <c r="ER4" s="84"/>
      <c r="ES4" s="84"/>
      <c r="ET4" s="84"/>
      <c r="EU4" s="84"/>
      <c r="EV4" s="84"/>
      <c r="EW4" s="84"/>
      <c r="EX4" s="84"/>
      <c r="EY4" s="84"/>
      <c r="EZ4" s="84"/>
      <c r="FA4" s="84"/>
      <c r="FB4" s="84"/>
      <c r="FC4" s="84"/>
      <c r="FD4" s="84"/>
      <c r="FE4" s="84"/>
      <c r="FF4" s="84"/>
      <c r="FG4" s="84"/>
      <c r="FH4" s="84"/>
      <c r="FI4" s="84"/>
      <c r="FJ4" s="84"/>
      <c r="FK4" s="84"/>
      <c r="FL4" s="84"/>
      <c r="FM4" s="84"/>
      <c r="FN4" s="84"/>
      <c r="FO4" s="84"/>
      <c r="FP4" s="84"/>
      <c r="FQ4" s="84"/>
      <c r="FR4" s="84"/>
      <c r="FS4" s="84"/>
      <c r="FT4" s="84"/>
      <c r="FU4" s="84"/>
      <c r="FV4" s="84"/>
      <c r="FW4" s="84"/>
      <c r="FX4" s="84"/>
      <c r="FY4" s="84"/>
      <c r="FZ4" s="84"/>
      <c r="GA4" s="84"/>
      <c r="GB4" s="84"/>
      <c r="GC4" s="84"/>
      <c r="GD4" s="84"/>
      <c r="GE4" s="84"/>
      <c r="GF4" s="84"/>
      <c r="GG4" s="84"/>
      <c r="GH4" s="84"/>
      <c r="GI4" s="84"/>
      <c r="GJ4" s="84"/>
      <c r="GK4" s="84"/>
      <c r="GL4" s="84"/>
      <c r="GM4" s="84"/>
      <c r="GN4" s="84"/>
      <c r="GO4" s="84"/>
      <c r="GP4" s="84"/>
      <c r="GQ4" s="84"/>
      <c r="GR4" s="84"/>
      <c r="GS4" s="84"/>
      <c r="GT4" s="84"/>
      <c r="GU4" s="84"/>
      <c r="GV4" s="84"/>
      <c r="GW4" s="84"/>
      <c r="GX4" s="84"/>
      <c r="GY4" s="84"/>
      <c r="GZ4" s="84"/>
      <c r="HA4" s="84"/>
      <c r="HB4" s="84"/>
      <c r="HC4" s="84"/>
    </row>
    <row r="5" spans="1:211" s="77" customFormat="1" ht="33.75" thickBot="1" x14ac:dyDescent="0.35">
      <c r="A5" s="73" t="s">
        <v>0</v>
      </c>
      <c r="B5" s="188" t="s">
        <v>71</v>
      </c>
      <c r="C5" s="191" t="s">
        <v>3</v>
      </c>
      <c r="D5" s="163" t="s">
        <v>8</v>
      </c>
      <c r="E5" s="74" t="s">
        <v>87</v>
      </c>
    </row>
    <row r="6" spans="1:211" s="85" customFormat="1" ht="16.5" customHeight="1" x14ac:dyDescent="0.3">
      <c r="A6" s="75" t="s">
        <v>66</v>
      </c>
      <c r="B6" s="189"/>
      <c r="C6" s="190"/>
      <c r="D6" s="75" t="s">
        <v>80</v>
      </c>
      <c r="E6" s="75" t="s">
        <v>81</v>
      </c>
    </row>
    <row r="7" spans="1:211" s="85" customFormat="1" x14ac:dyDescent="0.3">
      <c r="A7" s="76" t="s">
        <v>16</v>
      </c>
      <c r="B7" s="76"/>
      <c r="C7" s="76"/>
      <c r="D7" s="76"/>
      <c r="E7" s="76"/>
    </row>
    <row r="8" spans="1:211" s="77" customFormat="1" x14ac:dyDescent="0.3">
      <c r="A8" s="72" t="s">
        <v>15</v>
      </c>
      <c r="B8" s="120">
        <v>302432913650</v>
      </c>
      <c r="C8" s="120">
        <v>276823510932</v>
      </c>
      <c r="D8" s="95">
        <f t="shared" ref="D8:D18" si="0">+B8-C8</f>
        <v>25609402718</v>
      </c>
      <c r="E8" s="119">
        <f t="shared" ref="E8:E17" si="1">+C8/B8</f>
        <v>0.91532203817062952</v>
      </c>
    </row>
    <row r="9" spans="1:211" s="77" customFormat="1" x14ac:dyDescent="0.3">
      <c r="A9" s="72" t="s">
        <v>238</v>
      </c>
      <c r="B9" s="120">
        <v>103241285134</v>
      </c>
      <c r="C9" s="120">
        <v>103020875675</v>
      </c>
      <c r="D9" s="95">
        <f t="shared" si="0"/>
        <v>220409459</v>
      </c>
      <c r="E9" s="119">
        <f t="shared" si="1"/>
        <v>0.99786510349310431</v>
      </c>
    </row>
    <row r="10" spans="1:211" s="77" customFormat="1" x14ac:dyDescent="0.3">
      <c r="A10" s="72" t="s">
        <v>239</v>
      </c>
      <c r="B10" s="120">
        <v>30333091852</v>
      </c>
      <c r="C10" s="120">
        <v>28153780058</v>
      </c>
      <c r="D10" s="95">
        <f t="shared" si="0"/>
        <v>2179311794</v>
      </c>
      <c r="E10" s="119">
        <f t="shared" si="1"/>
        <v>0.9281539842811537</v>
      </c>
    </row>
    <row r="11" spans="1:211" s="77" customFormat="1" x14ac:dyDescent="0.3">
      <c r="A11" s="72" t="s">
        <v>240</v>
      </c>
      <c r="B11" s="120">
        <v>1707491611</v>
      </c>
      <c r="C11" s="120">
        <v>1347819098</v>
      </c>
      <c r="D11" s="95">
        <f t="shared" si="0"/>
        <v>359672513</v>
      </c>
      <c r="E11" s="119">
        <f t="shared" si="1"/>
        <v>0.78935620492486269</v>
      </c>
    </row>
    <row r="12" spans="1:211" s="77" customFormat="1" x14ac:dyDescent="0.3">
      <c r="A12" s="72" t="s">
        <v>187</v>
      </c>
      <c r="B12" s="120">
        <v>165920524</v>
      </c>
      <c r="C12" s="120">
        <v>649168557</v>
      </c>
      <c r="D12" s="95">
        <f t="shared" si="0"/>
        <v>-483248033</v>
      </c>
      <c r="E12" s="119">
        <f t="shared" si="1"/>
        <v>3.9125271627035123</v>
      </c>
    </row>
    <row r="13" spans="1:211" s="77" customFormat="1" x14ac:dyDescent="0.3">
      <c r="A13" s="72" t="s">
        <v>188</v>
      </c>
      <c r="B13" s="120">
        <v>21500000000</v>
      </c>
      <c r="C13" s="120">
        <v>11908285505</v>
      </c>
      <c r="D13" s="95">
        <f t="shared" si="0"/>
        <v>9591714495</v>
      </c>
      <c r="E13" s="119">
        <f t="shared" si="1"/>
        <v>0.5538737444186046</v>
      </c>
    </row>
    <row r="14" spans="1:211" s="77" customFormat="1" x14ac:dyDescent="0.3">
      <c r="A14" s="72" t="s">
        <v>241</v>
      </c>
      <c r="B14" s="120">
        <v>127480832</v>
      </c>
      <c r="C14" s="120">
        <v>154989064</v>
      </c>
      <c r="D14" s="95">
        <f t="shared" si="0"/>
        <v>-27508232</v>
      </c>
      <c r="E14" s="119">
        <f t="shared" si="1"/>
        <v>1.2157832794815773</v>
      </c>
    </row>
    <row r="15" spans="1:211" s="77" customFormat="1" x14ac:dyDescent="0.3">
      <c r="A15" s="72" t="s">
        <v>242</v>
      </c>
      <c r="B15" s="120">
        <v>8241886713</v>
      </c>
      <c r="C15" s="120">
        <v>8330924000</v>
      </c>
      <c r="D15" s="95">
        <f t="shared" si="0"/>
        <v>-89037287</v>
      </c>
      <c r="E15" s="119">
        <f t="shared" si="1"/>
        <v>1.0108030224268383</v>
      </c>
    </row>
    <row r="16" spans="1:211" s="77" customFormat="1" x14ac:dyDescent="0.3">
      <c r="A16" s="72" t="s">
        <v>243</v>
      </c>
      <c r="B16" s="120">
        <v>308689530</v>
      </c>
      <c r="C16" s="120">
        <v>691947644</v>
      </c>
      <c r="D16" s="95">
        <f t="shared" si="0"/>
        <v>-383258114</v>
      </c>
      <c r="E16" s="119">
        <f t="shared" si="1"/>
        <v>2.2415649925023371</v>
      </c>
    </row>
    <row r="17" spans="1:14" s="77" customFormat="1" x14ac:dyDescent="0.3">
      <c r="A17" s="72" t="s">
        <v>244</v>
      </c>
      <c r="B17" s="120">
        <v>629211379</v>
      </c>
      <c r="C17" s="120">
        <v>1037942498</v>
      </c>
      <c r="D17" s="95">
        <f t="shared" si="0"/>
        <v>-408731119</v>
      </c>
      <c r="E17" s="119">
        <f t="shared" si="1"/>
        <v>1.6495927007067048</v>
      </c>
    </row>
    <row r="18" spans="1:14" s="77" customFormat="1" ht="22.5" customHeight="1" x14ac:dyDescent="0.3">
      <c r="A18" s="72" t="s">
        <v>252</v>
      </c>
      <c r="B18" s="120">
        <v>47854000</v>
      </c>
      <c r="C18" s="120">
        <v>47854000</v>
      </c>
      <c r="D18" s="95">
        <f t="shared" si="0"/>
        <v>0</v>
      </c>
      <c r="E18" s="119">
        <f>+IF(B18=0,0,C18/B18)</f>
        <v>1</v>
      </c>
    </row>
    <row r="19" spans="1:14" s="77" customFormat="1" x14ac:dyDescent="0.3">
      <c r="A19" s="193" t="s">
        <v>121</v>
      </c>
      <c r="B19" s="96">
        <f>SUM(B8:B18)</f>
        <v>468735825225</v>
      </c>
      <c r="C19" s="96">
        <f>SUM(C8:C18)</f>
        <v>432167097031</v>
      </c>
      <c r="D19" s="96">
        <f>SUM(D8:D18)</f>
        <v>36568728194</v>
      </c>
      <c r="E19" s="130">
        <f>+C19/B19</f>
        <v>0.92198435403044676</v>
      </c>
    </row>
    <row r="20" spans="1:14" s="77" customFormat="1" x14ac:dyDescent="0.3">
      <c r="A20" s="72" t="s">
        <v>245</v>
      </c>
      <c r="B20" s="120">
        <v>40300000000</v>
      </c>
      <c r="C20" s="120">
        <v>47908560168</v>
      </c>
      <c r="D20" s="95">
        <f>+B20-C20</f>
        <v>-7608560168</v>
      </c>
      <c r="E20" s="119">
        <f>+C20/B20</f>
        <v>1.1887980190570719</v>
      </c>
    </row>
    <row r="21" spans="1:14" s="77" customFormat="1" ht="23.1" customHeight="1" x14ac:dyDescent="0.3">
      <c r="A21" s="187" t="s">
        <v>4</v>
      </c>
      <c r="B21" s="91">
        <f>B19+B20</f>
        <v>509035825225</v>
      </c>
      <c r="C21" s="91">
        <f>C19+C20</f>
        <v>480075657199</v>
      </c>
      <c r="D21" s="90">
        <f>D19+D20</f>
        <v>28960168026</v>
      </c>
      <c r="E21" s="39">
        <f>+C21/B21</f>
        <v>0.94310779990151139</v>
      </c>
    </row>
    <row r="22" spans="1:14" s="86" customFormat="1" ht="16.5" customHeight="1" x14ac:dyDescent="0.2">
      <c r="A22" s="233" t="s">
        <v>222</v>
      </c>
      <c r="B22" s="233"/>
      <c r="C22" s="233"/>
      <c r="D22" s="233"/>
      <c r="E22" s="233"/>
      <c r="F22" s="233"/>
    </row>
    <row r="23" spans="1:14" s="86" customFormat="1" ht="15.75" customHeight="1" x14ac:dyDescent="0.2">
      <c r="A23" s="233" t="s">
        <v>235</v>
      </c>
      <c r="B23" s="233"/>
      <c r="C23" s="233"/>
      <c r="D23" s="233"/>
      <c r="E23" s="233"/>
      <c r="F23" s="233"/>
      <c r="G23" s="210"/>
    </row>
    <row r="24" spans="1:14" customFormat="1" ht="13.5" customHeight="1" x14ac:dyDescent="0.2">
      <c r="A24" s="256" t="s">
        <v>257</v>
      </c>
      <c r="B24" s="256"/>
      <c r="C24" s="256"/>
      <c r="D24" s="256"/>
      <c r="E24" s="256"/>
      <c r="F24" s="256"/>
      <c r="G24" s="256"/>
      <c r="H24" s="257"/>
      <c r="M24" s="258"/>
      <c r="N24" s="259"/>
    </row>
    <row r="25" spans="1:14" s="86" customFormat="1" x14ac:dyDescent="0.2">
      <c r="A25" s="212"/>
      <c r="B25" s="212"/>
      <c r="C25" s="212"/>
      <c r="D25" s="212"/>
      <c r="E25" s="212"/>
      <c r="F25" s="212"/>
      <c r="G25" s="210"/>
    </row>
    <row r="26" spans="1:14" s="87" customFormat="1" ht="15.95" customHeight="1" x14ac:dyDescent="0.3">
      <c r="A26" s="229" t="s">
        <v>88</v>
      </c>
      <c r="B26" s="229"/>
      <c r="C26" s="229"/>
      <c r="D26" s="229"/>
      <c r="E26" s="83"/>
      <c r="F26" s="192"/>
    </row>
    <row r="27" spans="1:14" s="87" customFormat="1" ht="33" x14ac:dyDescent="0.2">
      <c r="A27" s="123" t="s">
        <v>63</v>
      </c>
      <c r="B27" s="123" t="s">
        <v>1</v>
      </c>
      <c r="C27" s="123" t="s">
        <v>64</v>
      </c>
      <c r="D27" s="123" t="s">
        <v>122</v>
      </c>
      <c r="E27" s="123" t="s">
        <v>65</v>
      </c>
      <c r="F27" s="123" t="s">
        <v>7</v>
      </c>
    </row>
    <row r="28" spans="1:14" s="87" customFormat="1" ht="15.95" customHeight="1" x14ac:dyDescent="0.3">
      <c r="A28" s="124" t="s">
        <v>66</v>
      </c>
      <c r="B28" s="124" t="s">
        <v>67</v>
      </c>
      <c r="C28" s="124" t="s">
        <v>68</v>
      </c>
      <c r="D28" s="124" t="s">
        <v>69</v>
      </c>
      <c r="E28" s="124" t="s">
        <v>72</v>
      </c>
      <c r="F28" s="124" t="s">
        <v>82</v>
      </c>
    </row>
    <row r="29" spans="1:14" s="87" customFormat="1" ht="15.95" customHeight="1" x14ac:dyDescent="0.3">
      <c r="A29" s="127" t="s">
        <v>225</v>
      </c>
      <c r="B29" s="128">
        <v>16924577001</v>
      </c>
      <c r="C29" s="128">
        <v>34108098941</v>
      </c>
      <c r="D29" s="198">
        <v>37612723608</v>
      </c>
      <c r="E29" s="129">
        <f t="shared" ref="E29:E39" si="2">+D29-C29</f>
        <v>3504624667</v>
      </c>
      <c r="F29" s="219">
        <f t="shared" ref="F29:F41" si="3">+E29/C29</f>
        <v>0.10275051309843683</v>
      </c>
      <c r="G29" s="203"/>
      <c r="H29" s="200"/>
    </row>
    <row r="30" spans="1:14" s="162" customFormat="1" ht="15.95" customHeight="1" x14ac:dyDescent="0.3">
      <c r="A30" s="161" t="s">
        <v>226</v>
      </c>
      <c r="B30" s="128">
        <v>44003059710</v>
      </c>
      <c r="C30" s="128">
        <v>34549257087</v>
      </c>
      <c r="D30" s="198">
        <v>37404528956</v>
      </c>
      <c r="E30" s="129">
        <f t="shared" si="2"/>
        <v>2855271869</v>
      </c>
      <c r="F30" s="219">
        <f t="shared" si="3"/>
        <v>8.2643509867955031E-2</v>
      </c>
      <c r="G30" s="203"/>
      <c r="H30" s="213"/>
    </row>
    <row r="31" spans="1:14" s="87" customFormat="1" ht="15.95" customHeight="1" x14ac:dyDescent="0.3">
      <c r="A31" s="127" t="s">
        <v>227</v>
      </c>
      <c r="B31" s="128">
        <v>41432662361</v>
      </c>
      <c r="C31" s="128">
        <v>35706232960</v>
      </c>
      <c r="D31" s="198">
        <v>41353822579</v>
      </c>
      <c r="E31" s="129">
        <f t="shared" si="2"/>
        <v>5647589619</v>
      </c>
      <c r="F31" s="219">
        <f t="shared" si="3"/>
        <v>0.15816817263604163</v>
      </c>
      <c r="G31" s="203"/>
    </row>
    <row r="32" spans="1:14" s="87" customFormat="1" ht="15.95" customHeight="1" x14ac:dyDescent="0.3">
      <c r="A32" s="161" t="s">
        <v>229</v>
      </c>
      <c r="B32" s="128">
        <v>47874202434</v>
      </c>
      <c r="C32" s="128">
        <v>35732298417</v>
      </c>
      <c r="D32" s="198">
        <v>39412708570</v>
      </c>
      <c r="E32" s="129">
        <f t="shared" si="2"/>
        <v>3680410153</v>
      </c>
      <c r="F32" s="219">
        <f t="shared" si="3"/>
        <v>0.10299953588345181</v>
      </c>
      <c r="G32" s="203"/>
    </row>
    <row r="33" spans="1:8" s="87" customFormat="1" ht="15.95" customHeight="1" x14ac:dyDescent="0.3">
      <c r="A33" s="127" t="s">
        <v>234</v>
      </c>
      <c r="B33" s="128">
        <v>82295825903</v>
      </c>
      <c r="C33" s="128">
        <v>36598119334</v>
      </c>
      <c r="D33" s="198">
        <v>39377128286</v>
      </c>
      <c r="E33" s="129">
        <f t="shared" si="2"/>
        <v>2779008952</v>
      </c>
      <c r="F33" s="219">
        <f t="shared" si="3"/>
        <v>7.5933108109691158E-2</v>
      </c>
      <c r="G33" s="203"/>
    </row>
    <row r="34" spans="1:8" s="87" customFormat="1" ht="15.95" customHeight="1" x14ac:dyDescent="0.3">
      <c r="A34" s="161" t="s">
        <v>236</v>
      </c>
      <c r="B34" s="128">
        <v>31445968231</v>
      </c>
      <c r="C34" s="128">
        <v>38087877903</v>
      </c>
      <c r="D34" s="198">
        <v>42336902423</v>
      </c>
      <c r="E34" s="129">
        <f t="shared" si="2"/>
        <v>4249024520</v>
      </c>
      <c r="F34" s="219">
        <f t="shared" si="3"/>
        <v>0.11155844730497114</v>
      </c>
      <c r="G34" s="203"/>
      <c r="H34" s="203"/>
    </row>
    <row r="35" spans="1:8" s="87" customFormat="1" ht="15.95" customHeight="1" x14ac:dyDescent="0.3">
      <c r="A35" s="127" t="s">
        <v>237</v>
      </c>
      <c r="B35" s="128">
        <v>59942575843</v>
      </c>
      <c r="C35" s="128">
        <v>39383209963</v>
      </c>
      <c r="D35" s="198">
        <v>51946416088</v>
      </c>
      <c r="E35" s="129">
        <f t="shared" si="2"/>
        <v>12563206125</v>
      </c>
      <c r="F35" s="219">
        <f t="shared" si="3"/>
        <v>0.3189990388493717</v>
      </c>
      <c r="G35" s="203"/>
    </row>
    <row r="36" spans="1:8" s="87" customFormat="1" ht="15.95" customHeight="1" x14ac:dyDescent="0.3">
      <c r="A36" s="161" t="s">
        <v>248</v>
      </c>
      <c r="B36" s="128">
        <v>20090887373</v>
      </c>
      <c r="C36" s="128">
        <v>38715467276</v>
      </c>
      <c r="D36" s="198">
        <v>49374327444</v>
      </c>
      <c r="E36" s="129">
        <f t="shared" si="2"/>
        <v>10658860168</v>
      </c>
      <c r="F36" s="219">
        <f t="shared" si="3"/>
        <v>0.2753127087944901</v>
      </c>
      <c r="G36" s="203"/>
    </row>
    <row r="37" spans="1:8" s="87" customFormat="1" ht="15.95" customHeight="1" x14ac:dyDescent="0.3">
      <c r="A37" s="127" t="s">
        <v>249</v>
      </c>
      <c r="B37" s="128">
        <v>33700868699</v>
      </c>
      <c r="C37" s="128">
        <v>37874177963</v>
      </c>
      <c r="D37" s="198">
        <v>42307793067</v>
      </c>
      <c r="E37" s="129">
        <f t="shared" si="2"/>
        <v>4433615104</v>
      </c>
      <c r="F37" s="219">
        <f t="shared" si="3"/>
        <v>0.1170616853607036</v>
      </c>
      <c r="G37" s="203" t="s">
        <v>259</v>
      </c>
    </row>
    <row r="38" spans="1:8" s="87" customFormat="1" ht="15.95" customHeight="1" x14ac:dyDescent="0.3">
      <c r="A38" s="161" t="s">
        <v>253</v>
      </c>
      <c r="B38" s="128">
        <v>30924830755</v>
      </c>
      <c r="C38" s="128">
        <v>39668461120</v>
      </c>
      <c r="D38" s="198">
        <v>52335118069</v>
      </c>
      <c r="E38" s="129">
        <f t="shared" si="2"/>
        <v>12666656949</v>
      </c>
      <c r="F38" s="219">
        <f t="shared" si="3"/>
        <v>0.31931304092393287</v>
      </c>
      <c r="G38" s="203"/>
    </row>
    <row r="39" spans="1:8" s="87" customFormat="1" ht="15.95" customHeight="1" x14ac:dyDescent="0.3">
      <c r="A39" s="127" t="s">
        <v>40</v>
      </c>
      <c r="B39" s="128">
        <v>26910015551</v>
      </c>
      <c r="C39" s="128">
        <v>40156073523</v>
      </c>
      <c r="D39" s="128">
        <v>43346146909</v>
      </c>
      <c r="E39" s="129">
        <f t="shared" si="2"/>
        <v>3190073386</v>
      </c>
      <c r="F39" s="199">
        <f t="shared" si="3"/>
        <v>7.9441865355008801E-2</v>
      </c>
      <c r="G39" s="203"/>
    </row>
    <row r="40" spans="1:8" s="87" customFormat="1" ht="15.95" customHeight="1" x14ac:dyDescent="0.3">
      <c r="A40" s="161" t="s">
        <v>41</v>
      </c>
      <c r="B40" s="128">
        <v>35261997364</v>
      </c>
      <c r="C40" s="128">
        <v>40924262057</v>
      </c>
      <c r="D40" s="128">
        <v>43346146909</v>
      </c>
      <c r="E40" s="129">
        <f>+D40-C40</f>
        <v>2421884852</v>
      </c>
      <c r="F40" s="199">
        <f t="shared" si="3"/>
        <v>5.9179682913445282E-2</v>
      </c>
      <c r="G40" s="203"/>
    </row>
    <row r="41" spans="1:8" s="88" customFormat="1" ht="17.25" customHeight="1" x14ac:dyDescent="0.3">
      <c r="A41" s="124" t="s">
        <v>9</v>
      </c>
      <c r="B41" s="125">
        <f>SUM(B29:B40)</f>
        <v>470807471225</v>
      </c>
      <c r="C41" s="125">
        <f>SUM(C29:C40)</f>
        <v>451503536544</v>
      </c>
      <c r="D41" s="125">
        <f>SUM(D29:D40)</f>
        <v>520153762908</v>
      </c>
      <c r="E41" s="126">
        <f>SUM(E29:E40)</f>
        <v>68650226364</v>
      </c>
      <c r="F41" s="197">
        <f t="shared" si="3"/>
        <v>0.15204803685366014</v>
      </c>
      <c r="G41" s="203"/>
    </row>
    <row r="42" spans="1:8" s="88" customFormat="1" ht="21.75" customHeight="1" x14ac:dyDescent="0.2">
      <c r="A42" s="202" t="s">
        <v>221</v>
      </c>
      <c r="B42" s="201"/>
      <c r="C42" s="201"/>
      <c r="D42" s="201"/>
      <c r="E42" s="201"/>
      <c r="F42" s="220"/>
    </row>
    <row r="43" spans="1:8" ht="72.75" customHeight="1" x14ac:dyDescent="0.3">
      <c r="A43" s="230" t="s">
        <v>258</v>
      </c>
      <c r="B43" s="231"/>
      <c r="C43" s="231"/>
      <c r="D43" s="231"/>
      <c r="E43" s="231"/>
      <c r="F43" s="232"/>
    </row>
    <row r="44" spans="1:8" ht="33" customHeight="1" x14ac:dyDescent="0.3">
      <c r="A44" s="223" t="s">
        <v>250</v>
      </c>
      <c r="B44" s="224"/>
      <c r="C44" s="224"/>
      <c r="D44" s="224"/>
      <c r="E44" s="224"/>
      <c r="F44" s="225"/>
    </row>
    <row r="45" spans="1:8" ht="34.5" customHeight="1" x14ac:dyDescent="0.3">
      <c r="A45" s="221"/>
      <c r="B45" s="222"/>
      <c r="C45" s="222"/>
      <c r="D45" s="222"/>
      <c r="E45" s="222"/>
      <c r="F45" s="222"/>
    </row>
  </sheetData>
  <mergeCells count="10">
    <mergeCell ref="A45:F45"/>
    <mergeCell ref="A44:F44"/>
    <mergeCell ref="A4:E4"/>
    <mergeCell ref="A2:E2"/>
    <mergeCell ref="A3:E3"/>
    <mergeCell ref="A26:D26"/>
    <mergeCell ref="A43:F43"/>
    <mergeCell ref="A22:F22"/>
    <mergeCell ref="A23:F23"/>
    <mergeCell ref="A24:G24"/>
  </mergeCells>
  <conditionalFormatting sqref="B18">
    <cfRule type="cellIs" dxfId="45" priority="59" stopIfTrue="1" operator="lessThan">
      <formula>0</formula>
    </cfRule>
  </conditionalFormatting>
  <conditionalFormatting sqref="C18">
    <cfRule type="cellIs" dxfId="44" priority="62" stopIfTrue="1" operator="lessThan">
      <formula>0</formula>
    </cfRule>
  </conditionalFormatting>
  <conditionalFormatting sqref="A13">
    <cfRule type="cellIs" dxfId="43" priority="34" stopIfTrue="1" operator="lessThan">
      <formula>0</formula>
    </cfRule>
  </conditionalFormatting>
  <conditionalFormatting sqref="D8:D17">
    <cfRule type="cellIs" dxfId="42" priority="33" stopIfTrue="1" operator="lessThan">
      <formula>0</formula>
    </cfRule>
  </conditionalFormatting>
  <conditionalFormatting sqref="F29:F40">
    <cfRule type="cellIs" dxfId="41" priority="12" stopIfTrue="1" operator="lessThan">
      <formula>0</formula>
    </cfRule>
    <cfRule type="cellIs" dxfId="40" priority="17" stopIfTrue="1" operator="lessThan">
      <formula>0</formula>
    </cfRule>
    <cfRule type="cellIs" dxfId="39" priority="32" stopIfTrue="1" operator="greaterThan">
      <formula>1</formula>
    </cfRule>
  </conditionalFormatting>
  <conditionalFormatting sqref="B8:B15">
    <cfRule type="cellIs" dxfId="38" priority="20" stopIfTrue="1" operator="lessThan">
      <formula>0</formula>
    </cfRule>
  </conditionalFormatting>
  <conditionalFormatting sqref="B16">
    <cfRule type="cellIs" dxfId="37" priority="15" stopIfTrue="1" operator="lessThan">
      <formula>0</formula>
    </cfRule>
  </conditionalFormatting>
  <conditionalFormatting sqref="B17">
    <cfRule type="cellIs" dxfId="36" priority="14" stopIfTrue="1" operator="lessThan">
      <formula>0</formula>
    </cfRule>
  </conditionalFormatting>
  <conditionalFormatting sqref="B20">
    <cfRule type="cellIs" dxfId="35" priority="13" stopIfTrue="1" operator="lessThan">
      <formula>0</formula>
    </cfRule>
  </conditionalFormatting>
  <conditionalFormatting sqref="A22">
    <cfRule type="cellIs" dxfId="34" priority="10" stopIfTrue="1" operator="lessThan">
      <formula>0</formula>
    </cfRule>
  </conditionalFormatting>
  <conditionalFormatting sqref="D8:D21">
    <cfRule type="cellIs" dxfId="33" priority="9" stopIfTrue="1" operator="lessThan">
      <formula>0</formula>
    </cfRule>
  </conditionalFormatting>
  <conditionalFormatting sqref="C8:C17">
    <cfRule type="cellIs" dxfId="32" priority="6" stopIfTrue="1" operator="lessThan">
      <formula>0</formula>
    </cfRule>
  </conditionalFormatting>
  <conditionalFormatting sqref="C20">
    <cfRule type="cellIs" dxfId="31" priority="5" stopIfTrue="1" operator="lessThan">
      <formula>0</formula>
    </cfRule>
  </conditionalFormatting>
  <conditionalFormatting sqref="A23 G23 G25 A25">
    <cfRule type="cellIs" dxfId="30" priority="3" stopIfTrue="1" operator="lessThan">
      <formula>0</formula>
    </cfRule>
  </conditionalFormatting>
  <conditionalFormatting sqref="I24:XFD24">
    <cfRule type="cellIs" dxfId="1" priority="2" stopIfTrue="1" operator="lessThan">
      <formula>0</formula>
    </cfRule>
  </conditionalFormatting>
  <conditionalFormatting sqref="A24">
    <cfRule type="cellIs" dxfId="0" priority="1" stopIfTrue="1" operator="lessThan">
      <formula>0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2:AC65527"/>
  <sheetViews>
    <sheetView tabSelected="1" view="pageBreakPreview" topLeftCell="A18" zoomScale="85" zoomScaleNormal="85" zoomScaleSheetLayoutView="85" workbookViewId="0">
      <selection activeCell="A45" sqref="A45:F45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2" spans="1:29" ht="11.25" customHeight="1" x14ac:dyDescent="0.2">
      <c r="A2" s="15"/>
      <c r="B2" s="15"/>
      <c r="C2" s="15"/>
      <c r="D2" s="15"/>
      <c r="E2" s="15"/>
      <c r="F2" s="15"/>
      <c r="G2" s="15"/>
      <c r="J2" s="16"/>
    </row>
    <row r="3" spans="1:29" ht="28.5" customHeight="1" x14ac:dyDescent="0.3">
      <c r="A3" s="211" t="s">
        <v>256</v>
      </c>
      <c r="B3" s="15"/>
      <c r="C3" s="15"/>
      <c r="D3" s="15"/>
      <c r="E3" s="15"/>
      <c r="F3" s="15"/>
      <c r="G3" s="17"/>
      <c r="J3" s="16"/>
    </row>
    <row r="4" spans="1:29" s="14" customFormat="1" ht="26.25" customHeight="1" thickBot="1" x14ac:dyDescent="0.3">
      <c r="A4" s="26" t="s">
        <v>70</v>
      </c>
      <c r="B4" s="25"/>
      <c r="C4" s="10"/>
      <c r="D4" s="10"/>
      <c r="E4" s="10"/>
      <c r="F4" s="10"/>
      <c r="G4" s="10"/>
      <c r="H4" s="10"/>
      <c r="I4" s="10"/>
      <c r="J4" s="11"/>
      <c r="K4" s="12"/>
      <c r="L4" s="12"/>
      <c r="M4" s="12"/>
      <c r="N4" s="12"/>
      <c r="O4" s="12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</row>
    <row r="5" spans="1:29" s="18" customFormat="1" ht="23.25" customHeight="1" thickBot="1" x14ac:dyDescent="0.35">
      <c r="A5" s="235" t="s">
        <v>83</v>
      </c>
      <c r="B5" s="235"/>
      <c r="C5" s="235"/>
      <c r="D5" s="235"/>
      <c r="E5" s="235"/>
      <c r="F5" s="235"/>
      <c r="G5" s="235"/>
      <c r="H5" s="235"/>
      <c r="I5" s="235"/>
      <c r="J5" s="235"/>
      <c r="K5" s="235"/>
      <c r="L5" s="235"/>
      <c r="N5" s="24"/>
    </row>
    <row r="6" spans="1:29" s="18" customFormat="1" ht="28.5" customHeight="1" thickBot="1" x14ac:dyDescent="0.35">
      <c r="A6" s="234" t="s">
        <v>84</v>
      </c>
      <c r="B6" s="234"/>
      <c r="C6" s="234"/>
      <c r="D6" s="234"/>
      <c r="E6" s="234"/>
      <c r="F6" s="234"/>
      <c r="G6" s="234"/>
      <c r="H6" s="234"/>
      <c r="I6" s="234"/>
      <c r="J6" s="234"/>
      <c r="K6" s="234"/>
      <c r="L6" s="234"/>
      <c r="N6" s="60" t="s">
        <v>0</v>
      </c>
      <c r="O6" s="60" t="s">
        <v>8</v>
      </c>
      <c r="P6" s="60" t="s">
        <v>2</v>
      </c>
    </row>
    <row r="7" spans="1:29" s="3" customFormat="1" ht="34.5" customHeight="1" thickBot="1" x14ac:dyDescent="0.35">
      <c r="A7" s="40" t="s">
        <v>0</v>
      </c>
      <c r="B7" s="42" t="s">
        <v>1</v>
      </c>
      <c r="C7" s="42" t="s">
        <v>2</v>
      </c>
      <c r="D7" s="42" t="s">
        <v>8</v>
      </c>
      <c r="E7" s="41" t="s">
        <v>7</v>
      </c>
      <c r="F7" s="1"/>
      <c r="G7"/>
      <c r="H7"/>
      <c r="I7"/>
      <c r="J7"/>
      <c r="K7"/>
      <c r="L7"/>
      <c r="M7" s="58"/>
      <c r="N7" s="62" t="s">
        <v>98</v>
      </c>
      <c r="O7" s="92">
        <f>D9/B9</f>
        <v>0.35876299169447673</v>
      </c>
      <c r="P7" s="93">
        <f>C9/B9</f>
        <v>0.64123700830552322</v>
      </c>
    </row>
    <row r="8" spans="1:29" s="5" customFormat="1" ht="21" customHeight="1" x14ac:dyDescent="0.3">
      <c r="A8" s="43" t="s">
        <v>85</v>
      </c>
      <c r="B8" s="44"/>
      <c r="C8" s="44"/>
      <c r="D8" s="44"/>
      <c r="E8" s="44"/>
      <c r="F8" s="3"/>
      <c r="G8" s="3"/>
      <c r="H8" s="3"/>
      <c r="I8" s="3"/>
      <c r="J8" s="3"/>
      <c r="K8" s="3"/>
      <c r="L8" s="3"/>
      <c r="M8" s="59"/>
      <c r="N8" s="62" t="s">
        <v>99</v>
      </c>
      <c r="O8" s="92">
        <f>D10/B10</f>
        <v>0.28901363554875242</v>
      </c>
      <c r="P8" s="93">
        <f>C10/B10</f>
        <v>0.71098636445124763</v>
      </c>
    </row>
    <row r="9" spans="1:29" s="5" customFormat="1" ht="21" customHeight="1" x14ac:dyDescent="0.3">
      <c r="A9" s="112" t="s">
        <v>101</v>
      </c>
      <c r="B9" s="121">
        <v>687632443923</v>
      </c>
      <c r="C9" s="121">
        <v>440935371155</v>
      </c>
      <c r="D9" s="113">
        <f>B9-C9</f>
        <v>246697072768</v>
      </c>
      <c r="E9" s="114">
        <f>C9/B9</f>
        <v>0.64123700830552322</v>
      </c>
      <c r="F9" s="4"/>
      <c r="G9" s="8"/>
      <c r="M9" s="46"/>
      <c r="N9" s="62" t="s">
        <v>100</v>
      </c>
      <c r="O9" s="92">
        <f>D11/B11</f>
        <v>0.50311844399988115</v>
      </c>
      <c r="P9" s="93">
        <f>C11/B11</f>
        <v>0.49688155600011885</v>
      </c>
    </row>
    <row r="10" spans="1:29" s="5" customFormat="1" ht="21" customHeight="1" thickBot="1" x14ac:dyDescent="0.3">
      <c r="A10" s="112" t="s">
        <v>102</v>
      </c>
      <c r="B10" s="121">
        <v>1095351791423</v>
      </c>
      <c r="C10" s="121">
        <v>778780187979</v>
      </c>
      <c r="D10" s="113">
        <f>B10-C10</f>
        <v>316571603444</v>
      </c>
      <c r="E10" s="114">
        <f>C10/B10</f>
        <v>0.71098636445124763</v>
      </c>
      <c r="F10" s="6"/>
      <c r="G10" s="8"/>
      <c r="M10" s="59"/>
      <c r="N10" s="61" t="s">
        <v>9</v>
      </c>
      <c r="O10" s="65">
        <f>O7+O8+O9</f>
        <v>1.1508950712431103</v>
      </c>
      <c r="P10" s="65">
        <f>P7+P8+P9</f>
        <v>1.8491049287568897</v>
      </c>
    </row>
    <row r="11" spans="1:29" s="5" customFormat="1" ht="21" customHeight="1" x14ac:dyDescent="0.25">
      <c r="A11" s="112" t="s">
        <v>103</v>
      </c>
      <c r="B11" s="121">
        <v>1112285005</v>
      </c>
      <c r="C11" s="121">
        <v>552673904</v>
      </c>
      <c r="D11" s="118">
        <f>B11-C11</f>
        <v>559611101</v>
      </c>
      <c r="E11" s="114">
        <f>C11/B11</f>
        <v>0.49688155600011885</v>
      </c>
      <c r="G11" s="8"/>
      <c r="M11" s="59"/>
      <c r="N11" s="18"/>
      <c r="O11" s="18"/>
      <c r="P11" s="18"/>
    </row>
    <row r="12" spans="1:29" s="18" customFormat="1" ht="16.5" customHeight="1" x14ac:dyDescent="0.25">
      <c r="A12" s="70" t="s">
        <v>9</v>
      </c>
      <c r="B12" s="45">
        <f>SUM(B9:B11)</f>
        <v>1784096520351</v>
      </c>
      <c r="C12" s="48">
        <f>SUM(C9:C11)</f>
        <v>1220268233038</v>
      </c>
      <c r="D12" s="31">
        <f>SUM(D9:D11)</f>
        <v>563828287313</v>
      </c>
      <c r="E12" s="117">
        <f>+C12/B12</f>
        <v>0.68396985203352478</v>
      </c>
      <c r="F12" s="5"/>
      <c r="G12" s="8"/>
      <c r="H12" s="5"/>
      <c r="I12" s="5"/>
      <c r="J12" s="5"/>
      <c r="K12" s="5"/>
      <c r="L12" s="5"/>
      <c r="N12" s="28"/>
      <c r="O12" s="27"/>
      <c r="P12" s="27"/>
    </row>
    <row r="13" spans="1:29" s="27" customFormat="1" ht="15.75" customHeight="1" thickBot="1" x14ac:dyDescent="0.3">
      <c r="A13" s="28"/>
      <c r="B13" s="28"/>
      <c r="C13" s="47"/>
      <c r="D13" s="28"/>
      <c r="E13" s="28"/>
      <c r="F13" s="29"/>
      <c r="G13" s="28"/>
      <c r="H13" s="30"/>
      <c r="I13" s="28"/>
      <c r="J13" s="28"/>
      <c r="K13" s="28"/>
      <c r="L13" s="28"/>
      <c r="M13" s="28"/>
      <c r="N13" s="3"/>
      <c r="O13" s="3"/>
      <c r="P13" s="3"/>
    </row>
    <row r="14" spans="1:29" s="3" customFormat="1" ht="27" thickBot="1" x14ac:dyDescent="0.45">
      <c r="A14" s="236"/>
      <c r="B14" s="236"/>
      <c r="C14" s="236"/>
      <c r="D14" s="236"/>
      <c r="E14" s="236"/>
      <c r="F14" s="236"/>
      <c r="G14" s="236"/>
      <c r="H14" s="236"/>
      <c r="I14" s="236"/>
      <c r="J14" s="236"/>
      <c r="K14" s="236"/>
      <c r="L14" s="236"/>
      <c r="N14" s="60" t="s">
        <v>0</v>
      </c>
      <c r="O14" s="60" t="s">
        <v>2</v>
      </c>
      <c r="P14" s="60" t="s">
        <v>7</v>
      </c>
    </row>
    <row r="15" spans="1:29" s="18" customFormat="1" ht="23.25" customHeight="1" thickBot="1" x14ac:dyDescent="0.35">
      <c r="A15" s="234" t="s">
        <v>86</v>
      </c>
      <c r="B15" s="234"/>
      <c r="C15" s="234"/>
      <c r="D15" s="234"/>
      <c r="E15" s="234"/>
      <c r="F15" s="234"/>
      <c r="G15" s="234"/>
      <c r="H15" s="234"/>
      <c r="I15" s="234"/>
      <c r="J15" s="234"/>
      <c r="K15" s="234"/>
      <c r="L15" s="234"/>
      <c r="M15" s="23"/>
      <c r="N15" s="62" t="s">
        <v>97</v>
      </c>
      <c r="O15" s="64">
        <f>C16</f>
        <v>843318942334</v>
      </c>
      <c r="P15" s="71">
        <f>O15/$O$18</f>
        <v>0.69109308879938569</v>
      </c>
    </row>
    <row r="16" spans="1:29" s="22" customFormat="1" ht="16.5" x14ac:dyDescent="0.3">
      <c r="A16" s="180" t="s">
        <v>97</v>
      </c>
      <c r="B16" s="121">
        <v>1152231695126</v>
      </c>
      <c r="C16" s="121">
        <v>843318942334</v>
      </c>
      <c r="D16" s="121">
        <f>B16-C16</f>
        <v>308912752792</v>
      </c>
      <c r="E16" s="174">
        <f>C16/B16</f>
        <v>0.7319004900674777</v>
      </c>
      <c r="F16" s="20"/>
      <c r="G16" s="21"/>
      <c r="M16" s="21"/>
      <c r="N16" s="62" t="s">
        <v>162</v>
      </c>
      <c r="O16" s="64">
        <f>C17</f>
        <v>47029040453</v>
      </c>
      <c r="P16" s="71">
        <f>O16/$O$18</f>
        <v>3.8539920305813193E-2</v>
      </c>
    </row>
    <row r="17" spans="1:20" s="22" customFormat="1" ht="16.5" x14ac:dyDescent="0.3">
      <c r="A17" s="180" t="s">
        <v>161</v>
      </c>
      <c r="B17" s="121">
        <v>122829000000</v>
      </c>
      <c r="C17" s="121">
        <v>47029040453</v>
      </c>
      <c r="D17" s="121">
        <f>B17-C17</f>
        <v>75799959547</v>
      </c>
      <c r="E17" s="174">
        <f>C17/B17</f>
        <v>0.38288222205668043</v>
      </c>
      <c r="F17" s="20"/>
      <c r="G17" s="21"/>
      <c r="M17" s="21"/>
      <c r="N17" s="62" t="s">
        <v>45</v>
      </c>
      <c r="O17" s="64">
        <f>C18</f>
        <v>329920250251</v>
      </c>
      <c r="P17" s="71">
        <f>O17/$O$18</f>
        <v>0.2703669908948011</v>
      </c>
    </row>
    <row r="18" spans="1:20" s="5" customFormat="1" ht="16.5" x14ac:dyDescent="0.25">
      <c r="A18" s="180" t="s">
        <v>45</v>
      </c>
      <c r="B18" s="121">
        <v>509035825225</v>
      </c>
      <c r="C18" s="121">
        <v>329920250251</v>
      </c>
      <c r="D18" s="121">
        <f>B18-C18</f>
        <v>179115574974</v>
      </c>
      <c r="E18" s="174">
        <f>C18/B18</f>
        <v>0.64812776213770662</v>
      </c>
      <c r="F18" s="22"/>
      <c r="G18" s="21"/>
      <c r="H18" s="22"/>
      <c r="I18" s="22"/>
      <c r="J18" s="22"/>
      <c r="K18" s="22"/>
      <c r="L18" s="22"/>
      <c r="M18" s="8"/>
      <c r="N18" s="67" t="s">
        <v>9</v>
      </c>
      <c r="O18" s="68">
        <f>SUM(O15:O17)</f>
        <v>1220268233038</v>
      </c>
      <c r="P18" s="66">
        <f>O18/$O$18</f>
        <v>1</v>
      </c>
    </row>
    <row r="19" spans="1:20" s="19" customFormat="1" ht="15" customHeight="1" thickBot="1" x14ac:dyDescent="0.3">
      <c r="A19" s="177" t="s">
        <v>9</v>
      </c>
      <c r="B19" s="181">
        <f>SUM(B16:B18)</f>
        <v>1784096520351</v>
      </c>
      <c r="C19" s="181">
        <f>SUM(C16:C18)</f>
        <v>1220268233038</v>
      </c>
      <c r="D19" s="181">
        <f>SUM(D16:D18)</f>
        <v>563828287313</v>
      </c>
      <c r="E19" s="179">
        <f>C19/B19</f>
        <v>0.68396985203352478</v>
      </c>
      <c r="F19" s="5"/>
      <c r="G19" s="8"/>
      <c r="H19" s="5"/>
      <c r="I19" s="5"/>
      <c r="J19" s="5"/>
      <c r="K19" s="5"/>
      <c r="L19" s="5"/>
      <c r="N19" s="28"/>
      <c r="O19" s="27"/>
      <c r="P19" s="27"/>
    </row>
    <row r="20" spans="1:20" s="54" customFormat="1" ht="18.75" customHeight="1" thickBot="1" x14ac:dyDescent="0.35">
      <c r="A20" s="49"/>
      <c r="B20" s="50"/>
      <c r="C20" s="50"/>
      <c r="D20" s="50"/>
      <c r="E20" s="51"/>
      <c r="F20" s="52"/>
      <c r="G20" s="53"/>
      <c r="H20" s="52"/>
      <c r="I20" s="52"/>
      <c r="J20" s="52"/>
      <c r="K20" s="52"/>
      <c r="L20" s="52"/>
      <c r="N20" s="60" t="s">
        <v>0</v>
      </c>
      <c r="O20" s="115" t="s">
        <v>2</v>
      </c>
      <c r="P20" s="60" t="s">
        <v>2</v>
      </c>
      <c r="Q20" s="60" t="s">
        <v>8</v>
      </c>
      <c r="R20" s="102" t="s">
        <v>104</v>
      </c>
      <c r="S20" s="101" t="s">
        <v>44</v>
      </c>
    </row>
    <row r="21" spans="1:20" s="18" customFormat="1" ht="23.25" customHeight="1" thickBot="1" x14ac:dyDescent="0.35">
      <c r="A21" s="234" t="s">
        <v>163</v>
      </c>
      <c r="B21" s="234"/>
      <c r="C21" s="234"/>
      <c r="D21" s="234"/>
      <c r="E21" s="234"/>
      <c r="F21" s="234"/>
      <c r="G21" s="234"/>
      <c r="H21" s="234"/>
      <c r="I21" s="234"/>
      <c r="J21" s="234"/>
      <c r="K21" s="234"/>
      <c r="L21" s="234"/>
      <c r="N21" s="69" t="s">
        <v>90</v>
      </c>
      <c r="O21" s="116">
        <f t="shared" ref="O21:Q27" si="0">B22/1000000</f>
        <v>1259274.0606750001</v>
      </c>
      <c r="P21" s="63">
        <f t="shared" si="0"/>
        <v>923129.39648800006</v>
      </c>
      <c r="Q21" s="97">
        <f t="shared" si="0"/>
        <v>336144.66418700002</v>
      </c>
      <c r="R21" s="103">
        <f t="shared" ref="R21:R28" si="1">P21/O21</f>
        <v>0.73306472777909937</v>
      </c>
      <c r="S21" s="99">
        <f t="shared" ref="S21:S28" si="2">Q21/O21</f>
        <v>0.26693527222090058</v>
      </c>
    </row>
    <row r="22" spans="1:20" s="7" customFormat="1" ht="21" customHeight="1" x14ac:dyDescent="0.3">
      <c r="A22" s="175" t="s">
        <v>10</v>
      </c>
      <c r="B22" s="121">
        <v>1259274060675</v>
      </c>
      <c r="C22" s="121">
        <v>923129396488</v>
      </c>
      <c r="D22" s="118">
        <f>B22-C22</f>
        <v>336144664187</v>
      </c>
      <c r="E22" s="176">
        <f t="shared" ref="E22:E29" si="3">C22/B22</f>
        <v>0.73306472777909937</v>
      </c>
      <c r="N22" s="69" t="s">
        <v>91</v>
      </c>
      <c r="O22" s="116">
        <f>B23/1000000</f>
        <v>302956.11559200002</v>
      </c>
      <c r="P22" s="116">
        <f t="shared" si="0"/>
        <v>202213.462203</v>
      </c>
      <c r="Q22" s="97">
        <f t="shared" si="0"/>
        <v>100742.653389</v>
      </c>
      <c r="R22" s="103">
        <f t="shared" si="1"/>
        <v>0.66746783377473351</v>
      </c>
      <c r="S22" s="99">
        <f t="shared" si="2"/>
        <v>0.33253216622526649</v>
      </c>
      <c r="T22" s="9"/>
    </row>
    <row r="23" spans="1:20" s="7" customFormat="1" ht="21" customHeight="1" x14ac:dyDescent="0.3">
      <c r="A23" s="175" t="s">
        <v>11</v>
      </c>
      <c r="B23" s="121">
        <v>302956115592</v>
      </c>
      <c r="C23" s="121">
        <v>202213462203</v>
      </c>
      <c r="D23" s="118">
        <f t="shared" ref="D23:D28" si="4">B23-C23</f>
        <v>100742653389</v>
      </c>
      <c r="E23" s="176">
        <f t="shared" si="3"/>
        <v>0.66746783377473351</v>
      </c>
      <c r="M23" s="9"/>
      <c r="N23" s="69" t="s">
        <v>92</v>
      </c>
      <c r="O23" s="116">
        <f t="shared" si="0"/>
        <v>17294.350657999999</v>
      </c>
      <c r="P23" s="116">
        <f t="shared" si="0"/>
        <v>7921.6797900000001</v>
      </c>
      <c r="Q23" s="97">
        <f t="shared" si="0"/>
        <v>9372.6708679999992</v>
      </c>
      <c r="R23" s="103">
        <f t="shared" si="1"/>
        <v>0.4580501428849888</v>
      </c>
      <c r="S23" s="99">
        <f t="shared" si="2"/>
        <v>0.5419498571150112</v>
      </c>
      <c r="T23" s="9"/>
    </row>
    <row r="24" spans="1:20" s="7" customFormat="1" ht="21" customHeight="1" x14ac:dyDescent="0.3">
      <c r="A24" s="175" t="s">
        <v>79</v>
      </c>
      <c r="B24" s="121">
        <v>17294350658</v>
      </c>
      <c r="C24" s="121">
        <v>7921679790</v>
      </c>
      <c r="D24" s="118">
        <f t="shared" si="4"/>
        <v>9372670868</v>
      </c>
      <c r="E24" s="176">
        <f t="shared" si="3"/>
        <v>0.4580501428849888</v>
      </c>
      <c r="M24" s="9"/>
      <c r="N24" s="69" t="s">
        <v>93</v>
      </c>
      <c r="O24" s="116">
        <f t="shared" si="0"/>
        <v>173073.471517</v>
      </c>
      <c r="P24" s="116">
        <f t="shared" si="0"/>
        <v>70808.161154000001</v>
      </c>
      <c r="Q24" s="97">
        <f t="shared" si="0"/>
        <v>102265.310363</v>
      </c>
      <c r="R24" s="103">
        <f t="shared" si="1"/>
        <v>0.4091219788530383</v>
      </c>
      <c r="S24" s="99">
        <f t="shared" si="2"/>
        <v>0.59087802114696164</v>
      </c>
      <c r="T24" s="9"/>
    </row>
    <row r="25" spans="1:20" s="7" customFormat="1" ht="21" customHeight="1" x14ac:dyDescent="0.3">
      <c r="A25" s="175" t="s">
        <v>12</v>
      </c>
      <c r="B25" s="121">
        <v>173073471517</v>
      </c>
      <c r="C25" s="121">
        <v>70808161154</v>
      </c>
      <c r="D25" s="118">
        <f t="shared" si="4"/>
        <v>102265310363</v>
      </c>
      <c r="E25" s="176">
        <f t="shared" si="3"/>
        <v>0.4091219788530383</v>
      </c>
      <c r="M25" s="9"/>
      <c r="N25" s="69" t="s">
        <v>94</v>
      </c>
      <c r="O25" s="116">
        <f t="shared" si="0"/>
        <v>1112.285005</v>
      </c>
      <c r="P25" s="116">
        <f t="shared" si="0"/>
        <v>552.67390399999999</v>
      </c>
      <c r="Q25" s="97">
        <f t="shared" si="0"/>
        <v>559.61110099999996</v>
      </c>
      <c r="R25" s="103">
        <f t="shared" si="1"/>
        <v>0.49688155600011891</v>
      </c>
      <c r="S25" s="99">
        <f t="shared" si="2"/>
        <v>0.50311844399988115</v>
      </c>
      <c r="T25" s="9"/>
    </row>
    <row r="26" spans="1:20" s="7" customFormat="1" ht="21" customHeight="1" x14ac:dyDescent="0.3">
      <c r="A26" s="175" t="s">
        <v>89</v>
      </c>
      <c r="B26" s="121">
        <v>1112285005</v>
      </c>
      <c r="C26" s="121">
        <v>552673904</v>
      </c>
      <c r="D26" s="118">
        <f t="shared" si="4"/>
        <v>559611101</v>
      </c>
      <c r="E26" s="176">
        <f t="shared" si="3"/>
        <v>0.49688155600011885</v>
      </c>
      <c r="M26" s="9"/>
      <c r="N26" s="69" t="s">
        <v>95</v>
      </c>
      <c r="O26" s="116">
        <f t="shared" si="0"/>
        <v>26898.587296000002</v>
      </c>
      <c r="P26" s="116">
        <f t="shared" si="0"/>
        <v>13400.551731</v>
      </c>
      <c r="Q26" s="97">
        <f t="shared" si="0"/>
        <v>13498.035565</v>
      </c>
      <c r="R26" s="103">
        <f t="shared" si="1"/>
        <v>0.49818793766142322</v>
      </c>
      <c r="S26" s="99">
        <f t="shared" si="2"/>
        <v>0.50181206233857667</v>
      </c>
      <c r="T26" s="9"/>
    </row>
    <row r="27" spans="1:20" s="7" customFormat="1" ht="21" customHeight="1" x14ac:dyDescent="0.3">
      <c r="A27" s="175" t="s">
        <v>13</v>
      </c>
      <c r="B27" s="121">
        <v>26898587296</v>
      </c>
      <c r="C27" s="121">
        <v>13400551731</v>
      </c>
      <c r="D27" s="118">
        <f t="shared" si="4"/>
        <v>13498035565</v>
      </c>
      <c r="E27" s="176">
        <f t="shared" si="3"/>
        <v>0.49818793766142327</v>
      </c>
      <c r="M27" s="9"/>
      <c r="N27" s="69" t="s">
        <v>96</v>
      </c>
      <c r="O27" s="116">
        <f t="shared" si="0"/>
        <v>3487.6496080000002</v>
      </c>
      <c r="P27" s="116">
        <f t="shared" si="0"/>
        <v>2242.3077680000001</v>
      </c>
      <c r="Q27" s="97">
        <f t="shared" si="0"/>
        <v>1245.34184</v>
      </c>
      <c r="R27" s="103">
        <f t="shared" si="1"/>
        <v>0.64292805184803414</v>
      </c>
      <c r="S27" s="99">
        <f t="shared" si="2"/>
        <v>0.35707194815196586</v>
      </c>
      <c r="T27" s="9"/>
    </row>
    <row r="28" spans="1:20" s="5" customFormat="1" ht="22.5" customHeight="1" x14ac:dyDescent="0.25">
      <c r="A28" s="175" t="s">
        <v>14</v>
      </c>
      <c r="B28" s="121">
        <v>3487649608</v>
      </c>
      <c r="C28" s="121">
        <v>2242307768</v>
      </c>
      <c r="D28" s="118">
        <f t="shared" si="4"/>
        <v>1245341840</v>
      </c>
      <c r="E28" s="176">
        <f t="shared" si="3"/>
        <v>0.64292805184803414</v>
      </c>
      <c r="F28" s="7"/>
      <c r="G28" s="7"/>
      <c r="H28" s="7"/>
      <c r="I28" s="7"/>
      <c r="J28" s="7"/>
      <c r="K28" s="7"/>
      <c r="L28" s="7"/>
      <c r="M28" s="8"/>
      <c r="N28" s="70" t="s">
        <v>9</v>
      </c>
      <c r="O28" s="68">
        <f>SUM(O21:O27)</f>
        <v>1784096.5203510001</v>
      </c>
      <c r="P28" s="68">
        <f>SUM(P21:P27)</f>
        <v>1220268.2330380003</v>
      </c>
      <c r="Q28" s="98">
        <f>SUM(Q21:Q27)</f>
        <v>563828.28731300007</v>
      </c>
      <c r="R28" s="104">
        <f t="shared" si="1"/>
        <v>0.68396985203352501</v>
      </c>
      <c r="S28" s="100">
        <f t="shared" si="2"/>
        <v>0.31603014796647516</v>
      </c>
      <c r="T28" s="9"/>
    </row>
    <row r="29" spans="1:20" s="18" customFormat="1" ht="15.6" customHeight="1" x14ac:dyDescent="0.25">
      <c r="A29" s="177" t="s">
        <v>9</v>
      </c>
      <c r="B29" s="178">
        <f>SUM(B22:B28)</f>
        <v>1784096520351</v>
      </c>
      <c r="C29" s="178">
        <f>SUM(C22:C28)</f>
        <v>1220268233038</v>
      </c>
      <c r="D29" s="178">
        <f>SUM(D22:D28)</f>
        <v>563828287313</v>
      </c>
      <c r="E29" s="179">
        <f t="shared" si="3"/>
        <v>0.68396985203352478</v>
      </c>
      <c r="F29" s="5"/>
      <c r="G29" s="8"/>
      <c r="H29" s="5"/>
      <c r="I29" s="5"/>
      <c r="J29" s="5"/>
      <c r="K29" s="5"/>
      <c r="L29" s="5"/>
      <c r="P29" s="27"/>
    </row>
    <row r="30" spans="1:20" s="27" customFormat="1" ht="12.75" customHeight="1" x14ac:dyDescent="0.2">
      <c r="A30" s="28"/>
      <c r="B30" s="28"/>
      <c r="C30" s="28"/>
      <c r="D30" s="28"/>
      <c r="E30" s="28"/>
      <c r="F30" s="29"/>
      <c r="G30" s="28"/>
      <c r="H30" s="30"/>
      <c r="I30" s="28"/>
      <c r="J30" s="28"/>
      <c r="K30" s="28"/>
      <c r="L30" s="28"/>
      <c r="M30" s="28"/>
      <c r="N30" s="28"/>
      <c r="P30"/>
    </row>
    <row r="32" spans="1:20" x14ac:dyDescent="0.2">
      <c r="C32" s="36"/>
    </row>
    <row r="33" spans="2:4" x14ac:dyDescent="0.2">
      <c r="B33" s="36">
        <f>+B12-B19</f>
        <v>0</v>
      </c>
      <c r="C33" s="36">
        <f>+C12-C19</f>
        <v>0</v>
      </c>
      <c r="D33" s="36">
        <f>+D12-D19</f>
        <v>0</v>
      </c>
    </row>
    <row r="34" spans="2:4" x14ac:dyDescent="0.2">
      <c r="B34" s="36">
        <f>+B12-B29</f>
        <v>0</v>
      </c>
      <c r="C34" s="36">
        <f>+C12-C29</f>
        <v>0</v>
      </c>
      <c r="D34" s="36">
        <f>+D12-D29</f>
        <v>0</v>
      </c>
    </row>
    <row r="65527" spans="18:18" x14ac:dyDescent="0.2">
      <c r="R65527" s="18"/>
    </row>
  </sheetData>
  <mergeCells count="8">
    <mergeCell ref="A21:E21"/>
    <mergeCell ref="F21:L21"/>
    <mergeCell ref="A5:L5"/>
    <mergeCell ref="A6:E6"/>
    <mergeCell ref="F6:L6"/>
    <mergeCell ref="A14:L14"/>
    <mergeCell ref="A15:E15"/>
    <mergeCell ref="F15:L15"/>
  </mergeCells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G37"/>
  <sheetViews>
    <sheetView tabSelected="1" view="pageBreakPreview" zoomScaleNormal="100" zoomScaleSheetLayoutView="100" workbookViewId="0">
      <selection activeCell="A45" sqref="A45:F45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7" s="145" customFormat="1" ht="15.75" x14ac:dyDescent="0.25">
      <c r="A1" s="237" t="s">
        <v>217</v>
      </c>
      <c r="B1" s="237"/>
      <c r="C1" s="237"/>
      <c r="D1" s="237"/>
      <c r="E1" s="237"/>
      <c r="F1" s="154"/>
    </row>
    <row r="2" spans="1:7" s="145" customFormat="1" ht="17.25" x14ac:dyDescent="0.3">
      <c r="A2" s="238" t="s">
        <v>255</v>
      </c>
      <c r="B2" s="238"/>
      <c r="C2" s="238"/>
      <c r="D2" s="238"/>
      <c r="E2" s="238"/>
      <c r="F2" s="155"/>
      <c r="G2"/>
    </row>
    <row r="3" spans="1:7" ht="36.75" customHeight="1" x14ac:dyDescent="0.2">
      <c r="A3" s="156" t="s">
        <v>5</v>
      </c>
      <c r="B3" s="109" t="s">
        <v>1</v>
      </c>
      <c r="C3" s="109" t="s">
        <v>2</v>
      </c>
      <c r="D3" s="109" t="s">
        <v>43</v>
      </c>
      <c r="E3" s="109" t="s">
        <v>6</v>
      </c>
    </row>
    <row r="4" spans="1:7" ht="16.5" x14ac:dyDescent="0.3">
      <c r="A4" s="105" t="s">
        <v>105</v>
      </c>
      <c r="B4" s="106">
        <f>SUM(B5:B10)</f>
        <v>687632443923</v>
      </c>
      <c r="C4" s="106">
        <f>SUM(C5:C10)</f>
        <v>440935371155</v>
      </c>
      <c r="D4" s="106">
        <f>SUM(D5:D10)</f>
        <v>246697072768</v>
      </c>
      <c r="E4" s="157">
        <f t="shared" ref="E4:E33" si="0">+C4/B4</f>
        <v>0.64123700830552322</v>
      </c>
    </row>
    <row r="5" spans="1:7" ht="16.5" x14ac:dyDescent="0.3">
      <c r="A5" s="108" t="s">
        <v>106</v>
      </c>
      <c r="B5" s="121">
        <v>275807399401</v>
      </c>
      <c r="C5" s="122">
        <v>187681984825</v>
      </c>
      <c r="D5" s="122">
        <f t="shared" ref="D5:D10" si="1">B5-C5</f>
        <v>88125414576</v>
      </c>
      <c r="E5" s="158">
        <f t="shared" si="0"/>
        <v>0.68048205099866332</v>
      </c>
    </row>
    <row r="6" spans="1:7" ht="16.5" x14ac:dyDescent="0.3">
      <c r="A6" s="108" t="s">
        <v>107</v>
      </c>
      <c r="B6" s="121">
        <v>121399150343</v>
      </c>
      <c r="C6" s="122">
        <v>89372313634</v>
      </c>
      <c r="D6" s="122">
        <f t="shared" si="1"/>
        <v>32026836709</v>
      </c>
      <c r="E6" s="158">
        <f t="shared" si="0"/>
        <v>0.73618566012602493</v>
      </c>
    </row>
    <row r="7" spans="1:7" ht="16.5" x14ac:dyDescent="0.3">
      <c r="A7" s="108" t="s">
        <v>108</v>
      </c>
      <c r="B7" s="121">
        <v>84029502350</v>
      </c>
      <c r="C7" s="122">
        <v>59935230981</v>
      </c>
      <c r="D7" s="122">
        <f t="shared" si="1"/>
        <v>24094271369</v>
      </c>
      <c r="E7" s="158">
        <f t="shared" si="0"/>
        <v>0.71326414300726848</v>
      </c>
    </row>
    <row r="8" spans="1:7" ht="16.5" x14ac:dyDescent="0.3">
      <c r="A8" s="108" t="s">
        <v>109</v>
      </c>
      <c r="B8" s="121">
        <v>60848129752</v>
      </c>
      <c r="C8" s="122">
        <v>42049168555</v>
      </c>
      <c r="D8" s="122">
        <f t="shared" si="1"/>
        <v>18798961197</v>
      </c>
      <c r="E8" s="158">
        <f t="shared" si="0"/>
        <v>0.69105112558727244</v>
      </c>
    </row>
    <row r="9" spans="1:7" ht="16.5" x14ac:dyDescent="0.3">
      <c r="A9" s="108" t="s">
        <v>110</v>
      </c>
      <c r="B9" s="121">
        <v>10381722318</v>
      </c>
      <c r="C9" s="122">
        <v>7186456892</v>
      </c>
      <c r="D9" s="122">
        <f t="shared" si="1"/>
        <v>3195265426</v>
      </c>
      <c r="E9" s="158">
        <f t="shared" si="0"/>
        <v>0.69222202943532818</v>
      </c>
    </row>
    <row r="10" spans="1:7" ht="16.5" x14ac:dyDescent="0.3">
      <c r="A10" s="108" t="s">
        <v>111</v>
      </c>
      <c r="B10" s="121">
        <v>135166539759</v>
      </c>
      <c r="C10" s="122">
        <v>54710216268</v>
      </c>
      <c r="D10" s="122">
        <f t="shared" si="1"/>
        <v>80456323491</v>
      </c>
      <c r="E10" s="158">
        <f t="shared" si="0"/>
        <v>0.40476153614309823</v>
      </c>
    </row>
    <row r="11" spans="1:7" ht="16.5" x14ac:dyDescent="0.3">
      <c r="A11" s="105" t="s">
        <v>112</v>
      </c>
      <c r="B11" s="106">
        <f>SUM(B12:B30)</f>
        <v>1095351791423</v>
      </c>
      <c r="C11" s="106">
        <f>SUM(C12:C30)</f>
        <v>778780187979</v>
      </c>
      <c r="D11" s="106">
        <f>SUM(D12:D30)</f>
        <v>316571603444</v>
      </c>
      <c r="E11" s="157">
        <f t="shared" si="0"/>
        <v>0.71098636445124763</v>
      </c>
    </row>
    <row r="12" spans="1:7" ht="16.5" x14ac:dyDescent="0.3">
      <c r="A12" s="108" t="s">
        <v>113</v>
      </c>
      <c r="B12" s="121">
        <v>82853950379</v>
      </c>
      <c r="C12" s="122">
        <v>59572742689</v>
      </c>
      <c r="D12" s="122">
        <f>B12-C12</f>
        <v>23281207690</v>
      </c>
      <c r="E12" s="158">
        <f t="shared" si="0"/>
        <v>0.71900908063520885</v>
      </c>
    </row>
    <row r="13" spans="1:7" ht="16.5" x14ac:dyDescent="0.3">
      <c r="A13" s="108" t="s">
        <v>17</v>
      </c>
      <c r="B13" s="121">
        <v>162096236802</v>
      </c>
      <c r="C13" s="122">
        <v>116681397217</v>
      </c>
      <c r="D13" s="122">
        <f>B13-C13</f>
        <v>45414839585</v>
      </c>
      <c r="E13" s="158">
        <f t="shared" si="0"/>
        <v>0.71982792148053343</v>
      </c>
    </row>
    <row r="14" spans="1:7" ht="16.5" x14ac:dyDescent="0.3">
      <c r="A14" s="108" t="s">
        <v>18</v>
      </c>
      <c r="B14" s="121">
        <v>50009594905</v>
      </c>
      <c r="C14" s="122">
        <v>36520553591</v>
      </c>
      <c r="D14" s="122">
        <f t="shared" ref="D14:D30" si="2">B14-C14</f>
        <v>13489041314</v>
      </c>
      <c r="E14" s="158">
        <f t="shared" si="0"/>
        <v>0.73027093421523892</v>
      </c>
    </row>
    <row r="15" spans="1:7" ht="16.5" x14ac:dyDescent="0.3">
      <c r="A15" s="108" t="s">
        <v>19</v>
      </c>
      <c r="B15" s="121">
        <v>48372614202</v>
      </c>
      <c r="C15" s="122">
        <v>34418963474</v>
      </c>
      <c r="D15" s="122">
        <f t="shared" si="2"/>
        <v>13953650728</v>
      </c>
      <c r="E15" s="158">
        <f t="shared" si="0"/>
        <v>0.71153821313583099</v>
      </c>
    </row>
    <row r="16" spans="1:7" ht="16.5" x14ac:dyDescent="0.3">
      <c r="A16" s="108" t="s">
        <v>20</v>
      </c>
      <c r="B16" s="121">
        <v>38135270258</v>
      </c>
      <c r="C16" s="122">
        <v>27077718872</v>
      </c>
      <c r="D16" s="122">
        <f t="shared" si="2"/>
        <v>11057551386</v>
      </c>
      <c r="E16" s="158">
        <f t="shared" si="0"/>
        <v>0.71004397474591507</v>
      </c>
    </row>
    <row r="17" spans="1:6" ht="16.5" x14ac:dyDescent="0.3">
      <c r="A17" s="108" t="s">
        <v>21</v>
      </c>
      <c r="B17" s="121">
        <v>43767686360</v>
      </c>
      <c r="C17" s="122">
        <v>32523766649</v>
      </c>
      <c r="D17" s="122">
        <f t="shared" si="2"/>
        <v>11243919711</v>
      </c>
      <c r="E17" s="158">
        <f t="shared" si="0"/>
        <v>0.74309997520737125</v>
      </c>
    </row>
    <row r="18" spans="1:6" ht="16.5" x14ac:dyDescent="0.3">
      <c r="A18" s="108" t="s">
        <v>22</v>
      </c>
      <c r="B18" s="121">
        <v>58623906049</v>
      </c>
      <c r="C18" s="122">
        <v>41672511835</v>
      </c>
      <c r="D18" s="122">
        <f t="shared" si="2"/>
        <v>16951394214</v>
      </c>
      <c r="E18" s="158">
        <f t="shared" si="0"/>
        <v>0.71084502285072226</v>
      </c>
    </row>
    <row r="19" spans="1:6" ht="16.5" x14ac:dyDescent="0.3">
      <c r="A19" s="108" t="s">
        <v>23</v>
      </c>
      <c r="B19" s="121">
        <v>38303975123</v>
      </c>
      <c r="C19" s="122">
        <v>27875674231</v>
      </c>
      <c r="D19" s="122">
        <f t="shared" si="2"/>
        <v>10428300892</v>
      </c>
      <c r="E19" s="158">
        <f t="shared" si="0"/>
        <v>0.72774886004616723</v>
      </c>
    </row>
    <row r="20" spans="1:6" ht="16.5" x14ac:dyDescent="0.3">
      <c r="A20" s="108" t="s">
        <v>33</v>
      </c>
      <c r="B20" s="121">
        <v>66652079261</v>
      </c>
      <c r="C20" s="122">
        <v>48040403687</v>
      </c>
      <c r="D20" s="122">
        <f t="shared" si="2"/>
        <v>18611675574</v>
      </c>
      <c r="E20" s="158">
        <f t="shared" si="0"/>
        <v>0.7207637664067561</v>
      </c>
    </row>
    <row r="21" spans="1:6" ht="16.5" x14ac:dyDescent="0.3">
      <c r="A21" s="108" t="s">
        <v>24</v>
      </c>
      <c r="B21" s="121">
        <v>30575746579</v>
      </c>
      <c r="C21" s="122">
        <v>22600126579</v>
      </c>
      <c r="D21" s="122">
        <f t="shared" si="2"/>
        <v>7975620000</v>
      </c>
      <c r="E21" s="158">
        <f t="shared" si="0"/>
        <v>0.73915207665026217</v>
      </c>
    </row>
    <row r="22" spans="1:6" ht="16.5" x14ac:dyDescent="0.3">
      <c r="A22" s="108" t="s">
        <v>25</v>
      </c>
      <c r="B22" s="121">
        <v>38573550855</v>
      </c>
      <c r="C22" s="122">
        <v>27126503193</v>
      </c>
      <c r="D22" s="122">
        <f t="shared" si="2"/>
        <v>11447047662</v>
      </c>
      <c r="E22" s="158">
        <f t="shared" si="0"/>
        <v>0.70324101856658072</v>
      </c>
    </row>
    <row r="23" spans="1:6" ht="16.5" x14ac:dyDescent="0.3">
      <c r="A23" s="108" t="s">
        <v>26</v>
      </c>
      <c r="B23" s="121">
        <v>113019577016</v>
      </c>
      <c r="C23" s="122">
        <v>81865107694</v>
      </c>
      <c r="D23" s="122">
        <f t="shared" si="2"/>
        <v>31154469322</v>
      </c>
      <c r="E23" s="158">
        <f t="shared" si="0"/>
        <v>0.72434448841027332</v>
      </c>
    </row>
    <row r="24" spans="1:6" ht="16.5" x14ac:dyDescent="0.3">
      <c r="A24" s="108" t="s">
        <v>27</v>
      </c>
      <c r="B24" s="121">
        <v>146214795771</v>
      </c>
      <c r="C24" s="122">
        <v>100627686562</v>
      </c>
      <c r="D24" s="122">
        <f t="shared" si="2"/>
        <v>45587109209</v>
      </c>
      <c r="E24" s="158">
        <f t="shared" si="0"/>
        <v>0.68821822053906212</v>
      </c>
    </row>
    <row r="25" spans="1:6" ht="16.5" x14ac:dyDescent="0.3">
      <c r="A25" s="108" t="s">
        <v>28</v>
      </c>
      <c r="B25" s="121">
        <v>40726502182</v>
      </c>
      <c r="C25" s="122">
        <v>28710572014</v>
      </c>
      <c r="D25" s="122">
        <f t="shared" si="2"/>
        <v>12015930168</v>
      </c>
      <c r="E25" s="158">
        <f t="shared" si="0"/>
        <v>0.70496041829708833</v>
      </c>
    </row>
    <row r="26" spans="1:6" ht="16.5" x14ac:dyDescent="0.3">
      <c r="A26" s="108" t="s">
        <v>29</v>
      </c>
      <c r="B26" s="121">
        <v>36553899901</v>
      </c>
      <c r="C26" s="122">
        <v>25728109075</v>
      </c>
      <c r="D26" s="122">
        <f t="shared" si="2"/>
        <v>10825790826</v>
      </c>
      <c r="E26" s="158">
        <f t="shared" si="0"/>
        <v>0.70384033289690551</v>
      </c>
    </row>
    <row r="27" spans="1:6" ht="16.5" x14ac:dyDescent="0.3">
      <c r="A27" s="108" t="s">
        <v>30</v>
      </c>
      <c r="B27" s="121">
        <v>35957781990</v>
      </c>
      <c r="C27" s="122">
        <v>25405588436</v>
      </c>
      <c r="D27" s="122">
        <f t="shared" si="2"/>
        <v>10552193554</v>
      </c>
      <c r="E27" s="158">
        <f t="shared" si="0"/>
        <v>0.7065393644987723</v>
      </c>
    </row>
    <row r="28" spans="1:6" ht="16.5" x14ac:dyDescent="0.3">
      <c r="A28" s="108" t="s">
        <v>32</v>
      </c>
      <c r="B28" s="121">
        <v>27376054310</v>
      </c>
      <c r="C28" s="122">
        <v>17177878923</v>
      </c>
      <c r="D28" s="122">
        <f t="shared" si="2"/>
        <v>10198175387</v>
      </c>
      <c r="E28" s="158">
        <f t="shared" si="0"/>
        <v>0.62747825995966178</v>
      </c>
    </row>
    <row r="29" spans="1:6" ht="16.5" x14ac:dyDescent="0.3">
      <c r="A29" s="108" t="s">
        <v>114</v>
      </c>
      <c r="B29" s="121">
        <v>16927699198</v>
      </c>
      <c r="C29" s="122">
        <v>11072764615</v>
      </c>
      <c r="D29" s="122">
        <f t="shared" si="2"/>
        <v>5854934583</v>
      </c>
      <c r="E29" s="158">
        <f t="shared" si="0"/>
        <v>0.65412106426774419</v>
      </c>
    </row>
    <row r="30" spans="1:6" ht="16.5" x14ac:dyDescent="0.3">
      <c r="A30" s="108" t="s">
        <v>31</v>
      </c>
      <c r="B30" s="121">
        <v>20610870282</v>
      </c>
      <c r="C30" s="122">
        <v>14082118643</v>
      </c>
      <c r="D30" s="122">
        <f t="shared" si="2"/>
        <v>6528751639</v>
      </c>
      <c r="E30" s="158">
        <f t="shared" si="0"/>
        <v>0.68323745918183154</v>
      </c>
    </row>
    <row r="31" spans="1:6" s="2" customFormat="1" ht="16.5" x14ac:dyDescent="0.3">
      <c r="A31" s="105" t="s">
        <v>115</v>
      </c>
      <c r="B31" s="106">
        <f>SUM(B32)</f>
        <v>1112285005</v>
      </c>
      <c r="C31" s="106">
        <f>SUM(C32)</f>
        <v>552673904</v>
      </c>
      <c r="D31" s="106">
        <f>SUM(D32)</f>
        <v>559611101</v>
      </c>
      <c r="E31" s="157">
        <f t="shared" si="0"/>
        <v>0.49688155600011885</v>
      </c>
      <c r="F31" s="159"/>
    </row>
    <row r="32" spans="1:6" ht="16.5" x14ac:dyDescent="0.3">
      <c r="A32" s="108" t="s">
        <v>116</v>
      </c>
      <c r="B32" s="121">
        <v>1112285005</v>
      </c>
      <c r="C32" s="121">
        <v>552673904</v>
      </c>
      <c r="D32" s="122">
        <f>B32-C32</f>
        <v>559611101</v>
      </c>
      <c r="E32" s="158">
        <f t="shared" si="0"/>
        <v>0.49688155600011885</v>
      </c>
    </row>
    <row r="33" spans="1:6" ht="19.5" customHeight="1" x14ac:dyDescent="0.3">
      <c r="A33" s="110" t="s">
        <v>117</v>
      </c>
      <c r="B33" s="111">
        <f>SUM(B4,B11,B31)</f>
        <v>1784096520351</v>
      </c>
      <c r="C33" s="111">
        <f>SUM(C4,C11,C31)</f>
        <v>1220268233038</v>
      </c>
      <c r="D33" s="111">
        <f>SUM(D4,D11,D31)</f>
        <v>563828287313</v>
      </c>
      <c r="E33" s="160">
        <f t="shared" si="0"/>
        <v>0.68396985203352478</v>
      </c>
      <c r="F33" s="56"/>
    </row>
    <row r="34" spans="1:6" x14ac:dyDescent="0.2">
      <c r="C34" s="107"/>
    </row>
    <row r="35" spans="1:6" x14ac:dyDescent="0.2">
      <c r="B35" s="15">
        <f>+'GRUPO DE GASTOS'!B12</f>
        <v>1784096520351</v>
      </c>
      <c r="C35" s="15">
        <f>+'GRUPO DE GASTOS'!C12</f>
        <v>1220268233038</v>
      </c>
      <c r="D35" s="15">
        <f>+'GRUPO DE GASTOS'!D12</f>
        <v>563828287313</v>
      </c>
      <c r="E35" s="17">
        <f>+'GRUPO DE GASTOS'!E12</f>
        <v>0.68396985203352478</v>
      </c>
    </row>
    <row r="36" spans="1:6" x14ac:dyDescent="0.2">
      <c r="B36" s="107">
        <f>+B35-B33</f>
        <v>0</v>
      </c>
      <c r="C36" s="107">
        <f>+C35-C33</f>
        <v>0</v>
      </c>
      <c r="D36" s="107">
        <f>+D35-D33</f>
        <v>0</v>
      </c>
      <c r="E36" s="107">
        <f>+E35-E33</f>
        <v>0</v>
      </c>
    </row>
    <row r="37" spans="1:6" x14ac:dyDescent="0.2">
      <c r="B37" s="142"/>
      <c r="C37" s="142"/>
      <c r="D37" s="142"/>
    </row>
  </sheetData>
  <mergeCells count="2">
    <mergeCell ref="A1:E1"/>
    <mergeCell ref="A2:E2"/>
  </mergeCells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J126"/>
  <sheetViews>
    <sheetView tabSelected="1" view="pageBreakPreview" zoomScaleNormal="100" zoomScaleSheetLayoutView="100" workbookViewId="0">
      <selection activeCell="A45" sqref="A45:F45"/>
    </sheetView>
  </sheetViews>
  <sheetFormatPr baseColWidth="10" defaultRowHeight="12.75" x14ac:dyDescent="0.2"/>
  <cols>
    <col min="1" max="1" width="10.42578125" style="167" customWidth="1"/>
    <col min="2" max="2" width="60" style="167" bestFit="1" customWidth="1"/>
    <col min="3" max="3" width="18.5703125" style="167" hidden="1" customWidth="1"/>
    <col min="4" max="4" width="16.5703125" style="167" hidden="1" customWidth="1"/>
    <col min="5" max="5" width="19.140625" style="167" customWidth="1"/>
    <col min="6" max="6" width="17.42578125" style="167" customWidth="1"/>
    <col min="7" max="7" width="18.5703125" style="167" customWidth="1"/>
    <col min="8" max="8" width="7.7109375" style="167" customWidth="1"/>
    <col min="9" max="9" width="7.85546875" style="167" customWidth="1"/>
    <col min="10" max="10" width="7.140625" style="208" customWidth="1"/>
    <col min="11" max="16384" width="11.42578125" style="167"/>
  </cols>
  <sheetData>
    <row r="1" spans="1:10" s="164" customFormat="1" x14ac:dyDescent="0.2">
      <c r="J1" s="205"/>
    </row>
    <row r="2" spans="1:10" s="164" customFormat="1" x14ac:dyDescent="0.2">
      <c r="J2" s="205"/>
    </row>
    <row r="3" spans="1:10" s="164" customFormat="1" ht="18" customHeight="1" x14ac:dyDescent="0.2">
      <c r="J3" s="205"/>
    </row>
    <row r="4" spans="1:10" s="164" customFormat="1" ht="13.5" customHeight="1" x14ac:dyDescent="0.2">
      <c r="A4" s="165" t="s">
        <v>70</v>
      </c>
      <c r="B4" s="166"/>
      <c r="C4" s="166"/>
      <c r="D4" s="166"/>
      <c r="E4" s="166"/>
      <c r="F4" s="166"/>
      <c r="G4" s="166"/>
      <c r="H4" s="166"/>
      <c r="J4" s="205"/>
    </row>
    <row r="5" spans="1:10" s="145" customFormat="1" ht="16.5" customHeight="1" x14ac:dyDescent="0.25">
      <c r="A5" s="237" t="s">
        <v>217</v>
      </c>
      <c r="B5" s="237"/>
      <c r="C5" s="237"/>
      <c r="D5" s="237"/>
      <c r="E5" s="237"/>
      <c r="F5" s="237"/>
      <c r="G5" s="237"/>
      <c r="H5" s="237"/>
      <c r="J5" s="206"/>
    </row>
    <row r="6" spans="1:10" s="145" customFormat="1" ht="15.75" customHeight="1" x14ac:dyDescent="0.2">
      <c r="A6" s="239" t="s">
        <v>254</v>
      </c>
      <c r="B6" s="239"/>
      <c r="C6" s="239"/>
      <c r="D6" s="239"/>
      <c r="E6" s="239"/>
      <c r="F6" s="239"/>
      <c r="G6" s="239"/>
      <c r="H6" s="239"/>
      <c r="J6" s="206"/>
    </row>
    <row r="7" spans="1:10" s="168" customFormat="1" ht="13.5" customHeight="1" x14ac:dyDescent="0.2">
      <c r="A7" s="240" t="s">
        <v>190</v>
      </c>
      <c r="B7" s="240"/>
      <c r="C7" s="240"/>
      <c r="D7" s="240"/>
      <c r="E7" s="240"/>
      <c r="F7" s="240"/>
      <c r="G7" s="240"/>
      <c r="H7" s="240"/>
      <c r="J7" s="207"/>
    </row>
    <row r="8" spans="1:10" ht="31.5" x14ac:dyDescent="0.2">
      <c r="A8" s="146" t="s">
        <v>164</v>
      </c>
      <c r="B8" s="147" t="s">
        <v>5</v>
      </c>
      <c r="C8" s="147" t="s">
        <v>214</v>
      </c>
      <c r="D8" s="183" t="s">
        <v>230</v>
      </c>
      <c r="E8" s="147" t="s">
        <v>1</v>
      </c>
      <c r="F8" s="147" t="s">
        <v>2</v>
      </c>
      <c r="G8" s="147" t="s">
        <v>43</v>
      </c>
      <c r="H8" s="148" t="s">
        <v>6</v>
      </c>
    </row>
    <row r="9" spans="1:10" ht="18" customHeight="1" x14ac:dyDescent="0.2">
      <c r="A9" s="131">
        <v>100</v>
      </c>
      <c r="B9" s="132" t="s">
        <v>46</v>
      </c>
      <c r="C9" s="133">
        <f>SUM(C10:C22)</f>
        <v>1236985327341</v>
      </c>
      <c r="D9" s="133">
        <f>SUM(D10:D22)</f>
        <v>18172500000</v>
      </c>
      <c r="E9" s="133">
        <f>SUM(E10:E22)</f>
        <v>1259274060675</v>
      </c>
      <c r="F9" s="133">
        <f>SUM(F10:F22)</f>
        <v>923129396488</v>
      </c>
      <c r="G9" s="133">
        <f>SUM(G10:G22)</f>
        <v>336144664187</v>
      </c>
      <c r="H9" s="182">
        <f t="shared" ref="H9:H72" si="0">+IF(E9=0,1,F9/E9)</f>
        <v>0.73306472777909937</v>
      </c>
    </row>
    <row r="10" spans="1:10" ht="18" customHeight="1" x14ac:dyDescent="0.2">
      <c r="A10" s="134">
        <v>111</v>
      </c>
      <c r="B10" s="135" t="s">
        <v>47</v>
      </c>
      <c r="C10" s="136">
        <v>891590109419</v>
      </c>
      <c r="D10" s="136">
        <v>329954505</v>
      </c>
      <c r="E10" s="136">
        <v>891920063924</v>
      </c>
      <c r="F10" s="136">
        <v>699446280859</v>
      </c>
      <c r="G10" s="136">
        <f t="shared" ref="G10:G22" si="1">E10-F10</f>
        <v>192473783065</v>
      </c>
      <c r="H10" s="169">
        <f t="shared" si="0"/>
        <v>0.78420287775766351</v>
      </c>
      <c r="I10" s="208"/>
    </row>
    <row r="11" spans="1:10" ht="18" customHeight="1" x14ac:dyDescent="0.2">
      <c r="A11" s="138">
        <v>113</v>
      </c>
      <c r="B11" s="139" t="s">
        <v>48</v>
      </c>
      <c r="C11" s="137">
        <v>54841481200</v>
      </c>
      <c r="D11" s="137">
        <v>0</v>
      </c>
      <c r="E11" s="137">
        <v>54841481200</v>
      </c>
      <c r="F11" s="137">
        <v>40793576417</v>
      </c>
      <c r="G11" s="137">
        <f t="shared" si="1"/>
        <v>14047904783</v>
      </c>
      <c r="H11" s="149">
        <f t="shared" si="0"/>
        <v>0.74384527048478044</v>
      </c>
      <c r="I11" s="208"/>
    </row>
    <row r="12" spans="1:10" ht="18" customHeight="1" x14ac:dyDescent="0.2">
      <c r="A12" s="138">
        <v>114</v>
      </c>
      <c r="B12" s="139" t="s">
        <v>49</v>
      </c>
      <c r="C12" s="137">
        <v>78869299392</v>
      </c>
      <c r="D12" s="137">
        <v>27496209</v>
      </c>
      <c r="E12" s="137">
        <v>75710943538</v>
      </c>
      <c r="F12" s="137">
        <v>0</v>
      </c>
      <c r="G12" s="137">
        <f t="shared" si="1"/>
        <v>75710943538</v>
      </c>
      <c r="H12" s="149">
        <f t="shared" si="0"/>
        <v>0</v>
      </c>
      <c r="I12" s="208"/>
    </row>
    <row r="13" spans="1:10" ht="18" customHeight="1" x14ac:dyDescent="0.2">
      <c r="A13" s="138">
        <v>122</v>
      </c>
      <c r="B13" s="139" t="s">
        <v>50</v>
      </c>
      <c r="C13" s="137">
        <v>55000000</v>
      </c>
      <c r="D13" s="137">
        <v>126000000</v>
      </c>
      <c r="E13" s="137">
        <v>181000000</v>
      </c>
      <c r="F13" s="137">
        <v>114000000</v>
      </c>
      <c r="G13" s="137">
        <f t="shared" si="1"/>
        <v>67000000</v>
      </c>
      <c r="H13" s="149">
        <f t="shared" si="0"/>
        <v>0.62983425414364635</v>
      </c>
      <c r="I13" s="208"/>
    </row>
    <row r="14" spans="1:10" ht="18" customHeight="1" x14ac:dyDescent="0.2">
      <c r="A14" s="138">
        <v>123</v>
      </c>
      <c r="B14" s="139" t="s">
        <v>51</v>
      </c>
      <c r="C14" s="137">
        <v>13750323993</v>
      </c>
      <c r="D14" s="137">
        <v>650853304</v>
      </c>
      <c r="E14" s="137">
        <v>16952377297</v>
      </c>
      <c r="F14" s="137">
        <v>13150433633</v>
      </c>
      <c r="G14" s="137">
        <f t="shared" si="1"/>
        <v>3801943664</v>
      </c>
      <c r="H14" s="149">
        <f t="shared" si="0"/>
        <v>0.77572799393316849</v>
      </c>
      <c r="I14" s="208"/>
    </row>
    <row r="15" spans="1:10" ht="18" customHeight="1" x14ac:dyDescent="0.2">
      <c r="A15" s="138">
        <v>131</v>
      </c>
      <c r="B15" s="139" t="s">
        <v>52</v>
      </c>
      <c r="C15" s="137">
        <v>3158160000</v>
      </c>
      <c r="D15" s="137">
        <v>412000000</v>
      </c>
      <c r="E15" s="137">
        <v>3704160000</v>
      </c>
      <c r="F15" s="137">
        <v>3429260000</v>
      </c>
      <c r="G15" s="137">
        <f t="shared" si="1"/>
        <v>274900000</v>
      </c>
      <c r="H15" s="149">
        <f t="shared" si="0"/>
        <v>0.92578614314716423</v>
      </c>
      <c r="I15" s="208"/>
    </row>
    <row r="16" spans="1:10" ht="18" customHeight="1" x14ac:dyDescent="0.2">
      <c r="A16" s="138">
        <v>133</v>
      </c>
      <c r="B16" s="139" t="s">
        <v>165</v>
      </c>
      <c r="C16" s="137">
        <v>152453236463</v>
      </c>
      <c r="D16" s="137">
        <v>-6688000675</v>
      </c>
      <c r="E16" s="137">
        <v>167972010418</v>
      </c>
      <c r="F16" s="137">
        <v>132996680592</v>
      </c>
      <c r="G16" s="137">
        <f t="shared" si="1"/>
        <v>34975329826</v>
      </c>
      <c r="H16" s="149">
        <f t="shared" si="0"/>
        <v>0.79177882232305519</v>
      </c>
      <c r="I16" s="208"/>
    </row>
    <row r="17" spans="1:9" ht="18" customHeight="1" x14ac:dyDescent="0.2">
      <c r="A17" s="138">
        <v>137</v>
      </c>
      <c r="B17" s="139" t="s">
        <v>118</v>
      </c>
      <c r="C17" s="137">
        <v>4561227673</v>
      </c>
      <c r="D17" s="137">
        <v>731500834</v>
      </c>
      <c r="E17" s="137">
        <v>5335028507</v>
      </c>
      <c r="F17" s="137">
        <v>3784127300</v>
      </c>
      <c r="G17" s="137">
        <f t="shared" si="1"/>
        <v>1550901207</v>
      </c>
      <c r="H17" s="149">
        <f t="shared" si="0"/>
        <v>0.70929842174880808</v>
      </c>
      <c r="I17" s="208"/>
    </row>
    <row r="18" spans="1:9" ht="18" customHeight="1" x14ac:dyDescent="0.2">
      <c r="A18" s="138">
        <v>142</v>
      </c>
      <c r="B18" s="139" t="s">
        <v>53</v>
      </c>
      <c r="C18" s="137">
        <v>356073991</v>
      </c>
      <c r="D18" s="137">
        <v>0</v>
      </c>
      <c r="E18" s="137">
        <v>356073991</v>
      </c>
      <c r="F18" s="137">
        <v>259999262</v>
      </c>
      <c r="G18" s="137">
        <f t="shared" si="1"/>
        <v>96074729</v>
      </c>
      <c r="H18" s="149">
        <f t="shared" si="0"/>
        <v>0.73018324441450144</v>
      </c>
      <c r="I18" s="208"/>
    </row>
    <row r="19" spans="1:9" ht="18" customHeight="1" x14ac:dyDescent="0.2">
      <c r="A19" s="138">
        <v>144</v>
      </c>
      <c r="B19" s="139" t="s">
        <v>54</v>
      </c>
      <c r="C19" s="137">
        <v>20771467054</v>
      </c>
      <c r="D19" s="137">
        <v>3022354019</v>
      </c>
      <c r="E19" s="137">
        <v>23763906656</v>
      </c>
      <c r="F19" s="137">
        <v>16674266769</v>
      </c>
      <c r="G19" s="137">
        <f t="shared" si="1"/>
        <v>7089639887</v>
      </c>
      <c r="H19" s="149">
        <f t="shared" si="0"/>
        <v>0.70166353581388174</v>
      </c>
      <c r="I19" s="208"/>
    </row>
    <row r="20" spans="1:9" ht="18" customHeight="1" x14ac:dyDescent="0.2">
      <c r="A20" s="138">
        <v>145</v>
      </c>
      <c r="B20" s="139" t="s">
        <v>62</v>
      </c>
      <c r="C20" s="137">
        <v>8405950391</v>
      </c>
      <c r="D20" s="137">
        <v>1745292518</v>
      </c>
      <c r="E20" s="137">
        <v>10678968093</v>
      </c>
      <c r="F20" s="137">
        <v>7377039909</v>
      </c>
      <c r="G20" s="137">
        <f t="shared" si="1"/>
        <v>3301928184</v>
      </c>
      <c r="H20" s="149">
        <f t="shared" si="0"/>
        <v>0.69080081940085636</v>
      </c>
      <c r="I20" s="208"/>
    </row>
    <row r="21" spans="1:9" ht="18" customHeight="1" x14ac:dyDescent="0.2">
      <c r="A21" s="138">
        <v>183</v>
      </c>
      <c r="B21" s="152" t="s">
        <v>218</v>
      </c>
      <c r="C21" s="137">
        <v>300000000</v>
      </c>
      <c r="D21" s="137">
        <v>-259950714</v>
      </c>
      <c r="E21" s="137">
        <v>40049286</v>
      </c>
      <c r="F21" s="137">
        <v>0</v>
      </c>
      <c r="G21" s="137">
        <f t="shared" si="1"/>
        <v>40049286</v>
      </c>
      <c r="H21" s="149">
        <f t="shared" si="0"/>
        <v>0</v>
      </c>
      <c r="I21" s="208"/>
    </row>
    <row r="22" spans="1:9" ht="18" customHeight="1" x14ac:dyDescent="0.2">
      <c r="A22" s="138">
        <v>199</v>
      </c>
      <c r="B22" s="194" t="s">
        <v>55</v>
      </c>
      <c r="C22" s="186">
        <v>7872997765</v>
      </c>
      <c r="D22" s="186">
        <v>18075000000</v>
      </c>
      <c r="E22" s="186">
        <v>7817997765</v>
      </c>
      <c r="F22" s="186">
        <v>5103731747</v>
      </c>
      <c r="G22" s="186">
        <f t="shared" si="1"/>
        <v>2714266018</v>
      </c>
      <c r="H22" s="149">
        <f t="shared" si="0"/>
        <v>0.65281826631476403</v>
      </c>
      <c r="I22" s="208"/>
    </row>
    <row r="23" spans="1:9" ht="18" customHeight="1" x14ac:dyDescent="0.2">
      <c r="A23" s="195">
        <v>200</v>
      </c>
      <c r="B23" s="196" t="s">
        <v>56</v>
      </c>
      <c r="C23" s="133">
        <f>SUM(C24:C56)</f>
        <v>283176143868</v>
      </c>
      <c r="D23" s="133">
        <f>SUM(D24:D56)</f>
        <v>4353843581</v>
      </c>
      <c r="E23" s="133">
        <f>SUM(E24:E56)</f>
        <v>302956115592</v>
      </c>
      <c r="F23" s="133">
        <f>SUM(F24:F56)</f>
        <v>202213462203</v>
      </c>
      <c r="G23" s="133">
        <f>SUM(G24:G56)</f>
        <v>100742653389</v>
      </c>
      <c r="H23" s="182">
        <f t="shared" si="0"/>
        <v>0.66746783377473351</v>
      </c>
      <c r="I23" s="208"/>
    </row>
    <row r="24" spans="1:9" ht="18" customHeight="1" x14ac:dyDescent="0.2">
      <c r="A24" s="134">
        <v>211</v>
      </c>
      <c r="B24" s="135" t="s">
        <v>123</v>
      </c>
      <c r="C24" s="136">
        <v>15837109007</v>
      </c>
      <c r="D24" s="137">
        <v>-154900000</v>
      </c>
      <c r="E24" s="137">
        <v>15581809007</v>
      </c>
      <c r="F24" s="137">
        <v>10529320884</v>
      </c>
      <c r="G24" s="137">
        <f t="shared" ref="G24:G56" si="2">E24-F24</f>
        <v>5052488123</v>
      </c>
      <c r="H24" s="151">
        <f t="shared" si="0"/>
        <v>0.67574444528679489</v>
      </c>
      <c r="I24" s="208"/>
    </row>
    <row r="25" spans="1:9" ht="18" customHeight="1" x14ac:dyDescent="0.2">
      <c r="A25" s="138">
        <v>212</v>
      </c>
      <c r="B25" s="139" t="s">
        <v>124</v>
      </c>
      <c r="C25" s="137">
        <v>1359485286</v>
      </c>
      <c r="D25" s="137">
        <v>81400000</v>
      </c>
      <c r="E25" s="137">
        <v>1440885286</v>
      </c>
      <c r="F25" s="137">
        <v>1101046765</v>
      </c>
      <c r="G25" s="137">
        <f t="shared" si="2"/>
        <v>339838521</v>
      </c>
      <c r="H25" s="149">
        <f t="shared" si="0"/>
        <v>0.76414602584816738</v>
      </c>
      <c r="I25" s="208"/>
    </row>
    <row r="26" spans="1:9" ht="18" customHeight="1" x14ac:dyDescent="0.2">
      <c r="A26" s="138">
        <v>214</v>
      </c>
      <c r="B26" s="139" t="s">
        <v>166</v>
      </c>
      <c r="C26" s="137">
        <v>1448539187</v>
      </c>
      <c r="D26" s="137">
        <v>73500000</v>
      </c>
      <c r="E26" s="137">
        <v>1622439187</v>
      </c>
      <c r="F26" s="137">
        <v>1099664126</v>
      </c>
      <c r="G26" s="137">
        <f t="shared" si="2"/>
        <v>522775061</v>
      </c>
      <c r="H26" s="149">
        <f t="shared" si="0"/>
        <v>0.6777844955984782</v>
      </c>
      <c r="I26" s="208"/>
    </row>
    <row r="27" spans="1:9" ht="18" customHeight="1" x14ac:dyDescent="0.2">
      <c r="A27" s="138">
        <v>215</v>
      </c>
      <c r="B27" s="139" t="s">
        <v>167</v>
      </c>
      <c r="C27" s="137">
        <v>280150000</v>
      </c>
      <c r="D27" s="137">
        <v>0</v>
      </c>
      <c r="E27" s="137">
        <v>280150000</v>
      </c>
      <c r="F27" s="137">
        <v>176223500</v>
      </c>
      <c r="G27" s="137">
        <f t="shared" si="2"/>
        <v>103926500</v>
      </c>
      <c r="H27" s="149">
        <f t="shared" si="0"/>
        <v>0.62903266107442446</v>
      </c>
      <c r="I27" s="208"/>
    </row>
    <row r="28" spans="1:9" ht="18" customHeight="1" x14ac:dyDescent="0.2">
      <c r="A28" s="138">
        <v>221</v>
      </c>
      <c r="B28" s="139" t="s">
        <v>125</v>
      </c>
      <c r="C28" s="137">
        <v>1006240210</v>
      </c>
      <c r="D28" s="137">
        <v>18450260</v>
      </c>
      <c r="E28" s="137">
        <v>1084190470</v>
      </c>
      <c r="F28" s="137">
        <v>500590830</v>
      </c>
      <c r="G28" s="137">
        <f t="shared" si="2"/>
        <v>583599640</v>
      </c>
      <c r="H28" s="149">
        <f t="shared" si="0"/>
        <v>0.46171852995535001</v>
      </c>
      <c r="I28" s="208"/>
    </row>
    <row r="29" spans="1:9" ht="18" customHeight="1" x14ac:dyDescent="0.2">
      <c r="A29" s="138">
        <v>222</v>
      </c>
      <c r="B29" s="139" t="s">
        <v>126</v>
      </c>
      <c r="C29" s="137">
        <v>1658917680</v>
      </c>
      <c r="D29" s="137">
        <v>2241325880</v>
      </c>
      <c r="E29" s="137">
        <v>2175243560</v>
      </c>
      <c r="F29" s="137">
        <v>1119635390</v>
      </c>
      <c r="G29" s="137">
        <f t="shared" si="2"/>
        <v>1055608170</v>
      </c>
      <c r="H29" s="149">
        <f t="shared" si="0"/>
        <v>0.51471725308774163</v>
      </c>
      <c r="I29" s="208"/>
    </row>
    <row r="30" spans="1:9" ht="18" customHeight="1" x14ac:dyDescent="0.2">
      <c r="A30" s="138">
        <v>223</v>
      </c>
      <c r="B30" s="139" t="s">
        <v>127</v>
      </c>
      <c r="C30" s="137">
        <v>700000</v>
      </c>
      <c r="D30" s="137">
        <v>224460000</v>
      </c>
      <c r="E30" s="137">
        <v>225160000</v>
      </c>
      <c r="F30" s="137">
        <v>149640000</v>
      </c>
      <c r="G30" s="137">
        <f t="shared" si="2"/>
        <v>75520000</v>
      </c>
      <c r="H30" s="149">
        <f t="shared" si="0"/>
        <v>0.66459406644164154</v>
      </c>
      <c r="I30" s="208"/>
    </row>
    <row r="31" spans="1:9" ht="18" customHeight="1" x14ac:dyDescent="0.2">
      <c r="A31" s="138">
        <v>231</v>
      </c>
      <c r="B31" s="139" t="s">
        <v>128</v>
      </c>
      <c r="C31" s="137">
        <v>456290989</v>
      </c>
      <c r="D31" s="137">
        <v>65205600</v>
      </c>
      <c r="E31" s="137">
        <v>1001496589</v>
      </c>
      <c r="F31" s="137">
        <v>301391983</v>
      </c>
      <c r="G31" s="137">
        <f t="shared" si="2"/>
        <v>700104606</v>
      </c>
      <c r="H31" s="149">
        <f t="shared" si="0"/>
        <v>0.30094159711611357</v>
      </c>
      <c r="I31" s="208"/>
    </row>
    <row r="32" spans="1:9" ht="18" customHeight="1" x14ac:dyDescent="0.2">
      <c r="A32" s="138">
        <v>232</v>
      </c>
      <c r="B32" s="139" t="s">
        <v>223</v>
      </c>
      <c r="C32" s="137">
        <v>5541518454</v>
      </c>
      <c r="D32" s="137">
        <v>32378560</v>
      </c>
      <c r="E32" s="137">
        <v>4897144441</v>
      </c>
      <c r="F32" s="137">
        <v>2875912208</v>
      </c>
      <c r="G32" s="137">
        <f t="shared" si="2"/>
        <v>2021232233</v>
      </c>
      <c r="H32" s="149">
        <f t="shared" si="0"/>
        <v>0.58726309641231189</v>
      </c>
      <c r="I32" s="208"/>
    </row>
    <row r="33" spans="1:9" ht="18" customHeight="1" x14ac:dyDescent="0.2">
      <c r="A33" s="138">
        <v>239</v>
      </c>
      <c r="B33" s="139" t="s">
        <v>168</v>
      </c>
      <c r="C33" s="137">
        <v>27700000</v>
      </c>
      <c r="D33" s="137">
        <v>-14700000</v>
      </c>
      <c r="E33" s="137">
        <v>8000000</v>
      </c>
      <c r="F33" s="137">
        <v>470000</v>
      </c>
      <c r="G33" s="137">
        <f t="shared" si="2"/>
        <v>7530000</v>
      </c>
      <c r="H33" s="149">
        <f t="shared" si="0"/>
        <v>5.8749999999999997E-2</v>
      </c>
      <c r="I33" s="208"/>
    </row>
    <row r="34" spans="1:9" ht="18" customHeight="1" x14ac:dyDescent="0.2">
      <c r="A34" s="138">
        <v>242</v>
      </c>
      <c r="B34" s="139" t="s">
        <v>129</v>
      </c>
      <c r="C34" s="137">
        <v>14072799577</v>
      </c>
      <c r="D34" s="137">
        <v>1571399565</v>
      </c>
      <c r="E34" s="137">
        <v>16561907189</v>
      </c>
      <c r="F34" s="137">
        <v>6044327644</v>
      </c>
      <c r="G34" s="137">
        <f t="shared" si="2"/>
        <v>10517579545</v>
      </c>
      <c r="H34" s="149">
        <f t="shared" si="0"/>
        <v>0.36495359954767104</v>
      </c>
      <c r="I34" s="208"/>
    </row>
    <row r="35" spans="1:9" ht="18" customHeight="1" x14ac:dyDescent="0.2">
      <c r="A35" s="138">
        <v>243</v>
      </c>
      <c r="B35" s="139" t="s">
        <v>169</v>
      </c>
      <c r="C35" s="137">
        <v>5079130635</v>
      </c>
      <c r="D35" s="137">
        <v>-226737908</v>
      </c>
      <c r="E35" s="137">
        <v>5224846927</v>
      </c>
      <c r="F35" s="137">
        <v>1565407994</v>
      </c>
      <c r="G35" s="137">
        <f t="shared" si="2"/>
        <v>3659438933</v>
      </c>
      <c r="H35" s="149">
        <f t="shared" si="0"/>
        <v>0.29960839348432838</v>
      </c>
      <c r="I35" s="208"/>
    </row>
    <row r="36" spans="1:9" ht="18" customHeight="1" x14ac:dyDescent="0.2">
      <c r="A36" s="138">
        <v>244</v>
      </c>
      <c r="B36" s="139" t="s">
        <v>170</v>
      </c>
      <c r="C36" s="137">
        <v>2655378912</v>
      </c>
      <c r="D36" s="137">
        <v>54157547</v>
      </c>
      <c r="E36" s="137">
        <v>3053221875</v>
      </c>
      <c r="F36" s="137">
        <v>1440350536</v>
      </c>
      <c r="G36" s="137">
        <f t="shared" si="2"/>
        <v>1612871339</v>
      </c>
      <c r="H36" s="149">
        <f t="shared" si="0"/>
        <v>0.47174774548606951</v>
      </c>
      <c r="I36" s="208"/>
    </row>
    <row r="37" spans="1:9" ht="18" customHeight="1" x14ac:dyDescent="0.2">
      <c r="A37" s="138">
        <v>245</v>
      </c>
      <c r="B37" s="139" t="s">
        <v>130</v>
      </c>
      <c r="C37" s="137">
        <v>24293952201</v>
      </c>
      <c r="D37" s="137">
        <v>2933282798</v>
      </c>
      <c r="E37" s="137">
        <v>25914101294</v>
      </c>
      <c r="F37" s="137">
        <v>17238131090</v>
      </c>
      <c r="G37" s="137">
        <f t="shared" si="2"/>
        <v>8675970204</v>
      </c>
      <c r="H37" s="149">
        <f t="shared" si="0"/>
        <v>0.6652027363183618</v>
      </c>
      <c r="I37" s="208"/>
    </row>
    <row r="38" spans="1:9" ht="18" customHeight="1" x14ac:dyDescent="0.2">
      <c r="A38" s="138">
        <v>246</v>
      </c>
      <c r="B38" s="139" t="s">
        <v>131</v>
      </c>
      <c r="C38" s="137">
        <v>5956130404</v>
      </c>
      <c r="D38" s="137">
        <v>-126212684</v>
      </c>
      <c r="E38" s="137">
        <v>6395759594</v>
      </c>
      <c r="F38" s="137">
        <v>2585338347</v>
      </c>
      <c r="G38" s="137">
        <f t="shared" si="2"/>
        <v>3810421247</v>
      </c>
      <c r="H38" s="149">
        <f t="shared" si="0"/>
        <v>0.40422694271144299</v>
      </c>
      <c r="I38" s="208"/>
    </row>
    <row r="39" spans="1:9" ht="18" customHeight="1" x14ac:dyDescent="0.2">
      <c r="A39" s="138">
        <v>251</v>
      </c>
      <c r="B39" s="139" t="s">
        <v>132</v>
      </c>
      <c r="C39" s="137">
        <v>16041840057</v>
      </c>
      <c r="D39" s="137">
        <v>-184292184</v>
      </c>
      <c r="E39" s="137">
        <v>16024461206</v>
      </c>
      <c r="F39" s="137">
        <v>10920730436</v>
      </c>
      <c r="G39" s="137">
        <f t="shared" si="2"/>
        <v>5103730770</v>
      </c>
      <c r="H39" s="149">
        <f t="shared" si="0"/>
        <v>0.68150375202075297</v>
      </c>
      <c r="I39" s="208"/>
    </row>
    <row r="40" spans="1:9" ht="18" customHeight="1" x14ac:dyDescent="0.2">
      <c r="A40" s="138">
        <v>252</v>
      </c>
      <c r="B40" s="139" t="s">
        <v>213</v>
      </c>
      <c r="C40" s="137">
        <v>24000000</v>
      </c>
      <c r="D40" s="137">
        <v>144600000</v>
      </c>
      <c r="E40" s="137">
        <v>168600000</v>
      </c>
      <c r="F40" s="137">
        <v>68060000</v>
      </c>
      <c r="G40" s="137">
        <f t="shared" si="2"/>
        <v>100540000</v>
      </c>
      <c r="H40" s="149">
        <f t="shared" si="0"/>
        <v>0.4036773428232503</v>
      </c>
      <c r="I40" s="208"/>
    </row>
    <row r="41" spans="1:9" ht="18" customHeight="1" x14ac:dyDescent="0.2">
      <c r="A41" s="138">
        <v>253</v>
      </c>
      <c r="B41" s="139" t="s">
        <v>191</v>
      </c>
      <c r="C41" s="137">
        <v>40000000</v>
      </c>
      <c r="D41" s="137">
        <v>114223000</v>
      </c>
      <c r="E41" s="137">
        <v>1842323000</v>
      </c>
      <c r="F41" s="137">
        <v>154223000</v>
      </c>
      <c r="G41" s="137">
        <f t="shared" si="2"/>
        <v>1688100000</v>
      </c>
      <c r="H41" s="149">
        <f t="shared" si="0"/>
        <v>8.3711162483451604E-2</v>
      </c>
      <c r="I41" s="208"/>
    </row>
    <row r="42" spans="1:9" ht="18" customHeight="1" x14ac:dyDescent="0.2">
      <c r="A42" s="138">
        <v>261</v>
      </c>
      <c r="B42" s="139" t="s">
        <v>171</v>
      </c>
      <c r="C42" s="137">
        <v>3931344022</v>
      </c>
      <c r="D42" s="137">
        <v>9062850</v>
      </c>
      <c r="E42" s="137">
        <v>7702210778</v>
      </c>
      <c r="F42" s="137">
        <v>1597612638</v>
      </c>
      <c r="G42" s="137">
        <f t="shared" si="2"/>
        <v>6104598140</v>
      </c>
      <c r="H42" s="149">
        <f t="shared" si="0"/>
        <v>0.20742260683949307</v>
      </c>
      <c r="I42" s="208"/>
    </row>
    <row r="43" spans="1:9" ht="18" customHeight="1" x14ac:dyDescent="0.2">
      <c r="A43" s="138">
        <v>262</v>
      </c>
      <c r="B43" s="139" t="s">
        <v>133</v>
      </c>
      <c r="C43" s="137">
        <v>6406473240</v>
      </c>
      <c r="D43" s="137">
        <v>1465000000</v>
      </c>
      <c r="E43" s="137">
        <v>8445698885</v>
      </c>
      <c r="F43" s="137">
        <v>4826343631</v>
      </c>
      <c r="G43" s="137">
        <f t="shared" si="2"/>
        <v>3619355254</v>
      </c>
      <c r="H43" s="149">
        <f t="shared" si="0"/>
        <v>0.57145580214466762</v>
      </c>
      <c r="I43" s="208"/>
    </row>
    <row r="44" spans="1:9" ht="18" customHeight="1" x14ac:dyDescent="0.2">
      <c r="A44" s="138">
        <v>263</v>
      </c>
      <c r="B44" s="139" t="s">
        <v>134</v>
      </c>
      <c r="C44" s="137">
        <v>376145320</v>
      </c>
      <c r="D44" s="137">
        <v>3000000</v>
      </c>
      <c r="E44" s="137">
        <v>379145320</v>
      </c>
      <c r="F44" s="137">
        <v>291719291</v>
      </c>
      <c r="G44" s="137">
        <f t="shared" si="2"/>
        <v>87426029</v>
      </c>
      <c r="H44" s="149">
        <f t="shared" si="0"/>
        <v>0.76941287578071649</v>
      </c>
      <c r="I44" s="208"/>
    </row>
    <row r="45" spans="1:9" ht="18" customHeight="1" x14ac:dyDescent="0.2">
      <c r="A45" s="138">
        <v>264</v>
      </c>
      <c r="B45" s="139" t="s">
        <v>184</v>
      </c>
      <c r="C45" s="137">
        <v>7701513015</v>
      </c>
      <c r="D45" s="137">
        <v>-2314199632</v>
      </c>
      <c r="E45" s="137">
        <v>14912313383</v>
      </c>
      <c r="F45" s="137">
        <v>2859283987</v>
      </c>
      <c r="G45" s="137">
        <f t="shared" si="2"/>
        <v>12053029396</v>
      </c>
      <c r="H45" s="149">
        <f t="shared" si="0"/>
        <v>0.19173980009430169</v>
      </c>
      <c r="I45" s="208"/>
    </row>
    <row r="46" spans="1:9" ht="18" customHeight="1" x14ac:dyDescent="0.2">
      <c r="A46" s="138">
        <v>265</v>
      </c>
      <c r="B46" s="139" t="s">
        <v>135</v>
      </c>
      <c r="C46" s="137">
        <v>354678530</v>
      </c>
      <c r="D46" s="137">
        <v>-9000000</v>
      </c>
      <c r="E46" s="137">
        <v>345678530</v>
      </c>
      <c r="F46" s="137">
        <v>67780167</v>
      </c>
      <c r="G46" s="137">
        <f t="shared" si="2"/>
        <v>277898363</v>
      </c>
      <c r="H46" s="149">
        <f t="shared" si="0"/>
        <v>0.19607861384969438</v>
      </c>
      <c r="I46" s="208"/>
    </row>
    <row r="47" spans="1:9" ht="18" customHeight="1" x14ac:dyDescent="0.2">
      <c r="A47" s="138">
        <v>266</v>
      </c>
      <c r="B47" s="139" t="s">
        <v>172</v>
      </c>
      <c r="C47" s="137">
        <v>10828476900</v>
      </c>
      <c r="D47" s="137">
        <v>-2839967418</v>
      </c>
      <c r="E47" s="137">
        <v>8293509482</v>
      </c>
      <c r="F47" s="137">
        <v>3941944669</v>
      </c>
      <c r="G47" s="137">
        <f t="shared" si="2"/>
        <v>4351564813</v>
      </c>
      <c r="H47" s="149">
        <f t="shared" si="0"/>
        <v>0.47530477628987899</v>
      </c>
      <c r="I47" s="208"/>
    </row>
    <row r="48" spans="1:9" ht="18" customHeight="1" x14ac:dyDescent="0.2">
      <c r="A48" s="138">
        <v>268</v>
      </c>
      <c r="B48" s="139" t="s">
        <v>136</v>
      </c>
      <c r="C48" s="137">
        <v>2217130182</v>
      </c>
      <c r="D48" s="137">
        <v>678512217</v>
      </c>
      <c r="E48" s="137">
        <v>2883924399</v>
      </c>
      <c r="F48" s="137">
        <v>1616289786</v>
      </c>
      <c r="G48" s="137">
        <f t="shared" si="2"/>
        <v>1267634613</v>
      </c>
      <c r="H48" s="149">
        <f t="shared" si="0"/>
        <v>0.56044804314580787</v>
      </c>
      <c r="I48" s="208"/>
    </row>
    <row r="49" spans="1:9" ht="18" customHeight="1" x14ac:dyDescent="0.2">
      <c r="A49" s="138">
        <v>269</v>
      </c>
      <c r="B49" s="139" t="s">
        <v>202</v>
      </c>
      <c r="C49" s="137">
        <v>9500000</v>
      </c>
      <c r="D49" s="137">
        <v>600000000</v>
      </c>
      <c r="E49" s="137">
        <v>610000000</v>
      </c>
      <c r="F49" s="137">
        <v>430326400</v>
      </c>
      <c r="G49" s="137">
        <f t="shared" si="2"/>
        <v>179673600</v>
      </c>
      <c r="H49" s="149">
        <f t="shared" si="0"/>
        <v>0.70545311475409833</v>
      </c>
      <c r="I49" s="208"/>
    </row>
    <row r="50" spans="1:9" ht="18" customHeight="1" x14ac:dyDescent="0.2">
      <c r="A50" s="138">
        <v>271</v>
      </c>
      <c r="B50" s="139" t="s">
        <v>192</v>
      </c>
      <c r="C50" s="137">
        <v>153392000000</v>
      </c>
      <c r="D50" s="137">
        <v>0</v>
      </c>
      <c r="E50" s="137">
        <v>153392000000</v>
      </c>
      <c r="F50" s="137">
        <v>127769000000</v>
      </c>
      <c r="G50" s="137">
        <f t="shared" si="2"/>
        <v>25623000000</v>
      </c>
      <c r="H50" s="149">
        <f t="shared" si="0"/>
        <v>0.83295739021591741</v>
      </c>
      <c r="I50" s="208"/>
    </row>
    <row r="51" spans="1:9" ht="18" customHeight="1" x14ac:dyDescent="0.2">
      <c r="A51" s="138">
        <v>281</v>
      </c>
      <c r="B51" s="139" t="s">
        <v>137</v>
      </c>
      <c r="C51" s="137">
        <v>135308000</v>
      </c>
      <c r="D51" s="137">
        <v>11992000</v>
      </c>
      <c r="E51" s="137">
        <v>344300000</v>
      </c>
      <c r="F51" s="137">
        <v>46244500</v>
      </c>
      <c r="G51" s="137">
        <f t="shared" si="2"/>
        <v>298055500</v>
      </c>
      <c r="H51" s="149">
        <f t="shared" si="0"/>
        <v>0.13431455126343306</v>
      </c>
      <c r="I51" s="208"/>
    </row>
    <row r="52" spans="1:9" ht="18" customHeight="1" x14ac:dyDescent="0.2">
      <c r="A52" s="138">
        <v>282</v>
      </c>
      <c r="B52" s="139" t="s">
        <v>138</v>
      </c>
      <c r="C52" s="137">
        <v>807022870</v>
      </c>
      <c r="D52" s="137">
        <v>235877130</v>
      </c>
      <c r="E52" s="137">
        <v>1042900000</v>
      </c>
      <c r="F52" s="137">
        <v>592900000</v>
      </c>
      <c r="G52" s="137">
        <f t="shared" si="2"/>
        <v>450000000</v>
      </c>
      <c r="H52" s="149">
        <f t="shared" si="0"/>
        <v>0.56851088311439257</v>
      </c>
      <c r="I52" s="208"/>
    </row>
    <row r="53" spans="1:9" ht="16.5" x14ac:dyDescent="0.2">
      <c r="A53" s="138">
        <v>284</v>
      </c>
      <c r="B53" s="139" t="s">
        <v>139</v>
      </c>
      <c r="C53" s="137">
        <v>545700750</v>
      </c>
      <c r="D53" s="137">
        <v>-27944000</v>
      </c>
      <c r="E53" s="137">
        <v>667756750</v>
      </c>
      <c r="F53" s="137">
        <v>299952401</v>
      </c>
      <c r="G53" s="137">
        <f t="shared" si="2"/>
        <v>367804349</v>
      </c>
      <c r="H53" s="149">
        <f t="shared" si="0"/>
        <v>0.44919411297602008</v>
      </c>
      <c r="I53" s="208"/>
    </row>
    <row r="54" spans="1:9" ht="16.5" x14ac:dyDescent="0.2">
      <c r="A54" s="138">
        <v>288</v>
      </c>
      <c r="B54" s="139" t="s">
        <v>140</v>
      </c>
      <c r="C54" s="137">
        <v>12400000</v>
      </c>
      <c r="D54" s="137">
        <v>0</v>
      </c>
      <c r="E54" s="137">
        <v>62400000</v>
      </c>
      <c r="F54" s="137">
        <v>2400000</v>
      </c>
      <c r="G54" s="137">
        <f t="shared" si="2"/>
        <v>60000000</v>
      </c>
      <c r="H54" s="149">
        <f t="shared" si="0"/>
        <v>3.8461538461538464E-2</v>
      </c>
      <c r="I54" s="208"/>
    </row>
    <row r="55" spans="1:9" ht="16.5" x14ac:dyDescent="0.2">
      <c r="A55" s="138">
        <v>291</v>
      </c>
      <c r="B55" s="139" t="s">
        <v>193</v>
      </c>
      <c r="C55" s="137">
        <v>517157625</v>
      </c>
      <c r="D55" s="137">
        <v>-306030000</v>
      </c>
      <c r="E55" s="137">
        <v>211127625</v>
      </c>
      <c r="F55" s="137">
        <v>1200000</v>
      </c>
      <c r="G55" s="137">
        <f t="shared" si="2"/>
        <v>209927625</v>
      </c>
      <c r="H55" s="149">
        <f t="shared" si="0"/>
        <v>5.6837659212052426E-3</v>
      </c>
      <c r="I55" s="208"/>
    </row>
    <row r="56" spans="1:9" ht="16.5" x14ac:dyDescent="0.2">
      <c r="A56" s="138">
        <v>292</v>
      </c>
      <c r="B56" s="139" t="s">
        <v>219</v>
      </c>
      <c r="C56" s="137">
        <v>161410815</v>
      </c>
      <c r="D56" s="137">
        <v>0</v>
      </c>
      <c r="E56" s="137">
        <v>161410815</v>
      </c>
      <c r="F56" s="137">
        <v>0</v>
      </c>
      <c r="G56" s="137">
        <f t="shared" si="2"/>
        <v>161410815</v>
      </c>
      <c r="H56" s="149">
        <f t="shared" si="0"/>
        <v>0</v>
      </c>
      <c r="I56" s="208"/>
    </row>
    <row r="57" spans="1:9" ht="15.75" x14ac:dyDescent="0.2">
      <c r="A57" s="131">
        <v>300</v>
      </c>
      <c r="B57" s="132" t="s">
        <v>57</v>
      </c>
      <c r="C57" s="133">
        <f>SUM(C58:C92)</f>
        <v>16639324016</v>
      </c>
      <c r="D57" s="133">
        <f>SUM(D58:D92)</f>
        <v>-442846917</v>
      </c>
      <c r="E57" s="133">
        <f>SUM(E58:E92)</f>
        <v>17294350658</v>
      </c>
      <c r="F57" s="133">
        <f>SUM(F58:F92)</f>
        <v>7921679790</v>
      </c>
      <c r="G57" s="133">
        <f>SUM(G58:G92)</f>
        <v>9372670868</v>
      </c>
      <c r="H57" s="182">
        <f t="shared" si="0"/>
        <v>0.4580501428849888</v>
      </c>
      <c r="I57" s="208"/>
    </row>
    <row r="58" spans="1:9" ht="18" customHeight="1" x14ac:dyDescent="0.2">
      <c r="A58" s="138">
        <v>311</v>
      </c>
      <c r="B58" s="139" t="s">
        <v>141</v>
      </c>
      <c r="C58" s="137">
        <v>175823957</v>
      </c>
      <c r="D58" s="137">
        <v>-10800000</v>
      </c>
      <c r="E58" s="137">
        <v>209303213</v>
      </c>
      <c r="F58" s="137">
        <v>120976994</v>
      </c>
      <c r="G58" s="137">
        <f t="shared" ref="G58:G92" si="3">E58-F58</f>
        <v>88326219</v>
      </c>
      <c r="H58" s="149">
        <f t="shared" si="0"/>
        <v>0.57799874290510767</v>
      </c>
      <c r="I58" s="208"/>
    </row>
    <row r="59" spans="1:9" ht="18" customHeight="1" x14ac:dyDescent="0.2">
      <c r="A59" s="138">
        <v>321</v>
      </c>
      <c r="B59" s="139" t="s">
        <v>142</v>
      </c>
      <c r="C59" s="137">
        <v>12301474</v>
      </c>
      <c r="D59" s="137">
        <v>-1494500</v>
      </c>
      <c r="E59" s="137">
        <v>10806974</v>
      </c>
      <c r="F59" s="137">
        <v>1860000</v>
      </c>
      <c r="G59" s="137">
        <f t="shared" si="3"/>
        <v>8946974</v>
      </c>
      <c r="H59" s="149">
        <f t="shared" si="0"/>
        <v>0.17211108308394191</v>
      </c>
      <c r="I59" s="208"/>
    </row>
    <row r="60" spans="1:9" ht="18" customHeight="1" x14ac:dyDescent="0.2">
      <c r="A60" s="138">
        <v>322</v>
      </c>
      <c r="B60" s="171" t="s">
        <v>232</v>
      </c>
      <c r="C60" s="137">
        <v>10000000</v>
      </c>
      <c r="D60" s="137">
        <v>-10000000</v>
      </c>
      <c r="E60" s="137">
        <v>2762674</v>
      </c>
      <c r="F60" s="137">
        <v>0</v>
      </c>
      <c r="G60" s="137">
        <f t="shared" si="3"/>
        <v>2762674</v>
      </c>
      <c r="H60" s="149">
        <f t="shared" si="0"/>
        <v>0</v>
      </c>
      <c r="I60" s="208"/>
    </row>
    <row r="61" spans="1:9" ht="18" customHeight="1" x14ac:dyDescent="0.2">
      <c r="A61" s="138">
        <v>323</v>
      </c>
      <c r="B61" s="171" t="s">
        <v>160</v>
      </c>
      <c r="C61" s="137">
        <v>84602365</v>
      </c>
      <c r="D61" s="137">
        <v>-21297300</v>
      </c>
      <c r="E61" s="137">
        <v>62325065</v>
      </c>
      <c r="F61" s="137">
        <v>27758100</v>
      </c>
      <c r="G61" s="137">
        <f t="shared" si="3"/>
        <v>34566965</v>
      </c>
      <c r="H61" s="149">
        <f t="shared" si="0"/>
        <v>0.44537619014115748</v>
      </c>
      <c r="I61" s="208"/>
    </row>
    <row r="62" spans="1:9" ht="18" customHeight="1" x14ac:dyDescent="0.2">
      <c r="A62" s="138">
        <v>324</v>
      </c>
      <c r="B62" s="171" t="s">
        <v>233</v>
      </c>
      <c r="C62" s="137">
        <v>3534000</v>
      </c>
      <c r="D62" s="185">
        <v>-3534000</v>
      </c>
      <c r="E62" s="137">
        <v>0</v>
      </c>
      <c r="F62" s="137">
        <v>0</v>
      </c>
      <c r="G62" s="137">
        <f t="shared" si="3"/>
        <v>0</v>
      </c>
      <c r="H62" s="149">
        <f t="shared" si="0"/>
        <v>1</v>
      </c>
      <c r="I62" s="208"/>
    </row>
    <row r="63" spans="1:9" ht="18" customHeight="1" x14ac:dyDescent="0.2">
      <c r="A63" s="138">
        <v>331</v>
      </c>
      <c r="B63" s="171" t="s">
        <v>143</v>
      </c>
      <c r="C63" s="137">
        <v>1806430055</v>
      </c>
      <c r="D63" s="185">
        <v>-42841085</v>
      </c>
      <c r="E63" s="137">
        <v>2036357180</v>
      </c>
      <c r="F63" s="137">
        <v>1251442761</v>
      </c>
      <c r="G63" s="137">
        <f t="shared" si="3"/>
        <v>784914419</v>
      </c>
      <c r="H63" s="149">
        <f t="shared" si="0"/>
        <v>0.61454973287151915</v>
      </c>
      <c r="I63" s="208"/>
    </row>
    <row r="64" spans="1:9" ht="18" customHeight="1" x14ac:dyDescent="0.2">
      <c r="A64" s="138">
        <v>333</v>
      </c>
      <c r="B64" s="171" t="s">
        <v>144</v>
      </c>
      <c r="C64" s="137">
        <v>118760817</v>
      </c>
      <c r="D64" s="185">
        <v>29293840</v>
      </c>
      <c r="E64" s="137">
        <v>173929657</v>
      </c>
      <c r="F64" s="137">
        <v>111026940</v>
      </c>
      <c r="G64" s="137">
        <f t="shared" si="3"/>
        <v>62902717</v>
      </c>
      <c r="H64" s="149">
        <f t="shared" si="0"/>
        <v>0.63834392544107643</v>
      </c>
      <c r="I64" s="208"/>
    </row>
    <row r="65" spans="1:9" ht="18" customHeight="1" x14ac:dyDescent="0.2">
      <c r="A65" s="170">
        <v>334</v>
      </c>
      <c r="B65" s="171" t="s">
        <v>194</v>
      </c>
      <c r="C65" s="137">
        <v>221086709</v>
      </c>
      <c r="D65" s="122">
        <v>-53388645</v>
      </c>
      <c r="E65" s="172">
        <v>164698064</v>
      </c>
      <c r="F65" s="172">
        <v>87247991</v>
      </c>
      <c r="G65" s="172">
        <f t="shared" si="3"/>
        <v>77450073</v>
      </c>
      <c r="H65" s="149">
        <f t="shared" si="0"/>
        <v>0.52974509159986238</v>
      </c>
      <c r="I65" s="208"/>
    </row>
    <row r="66" spans="1:9" ht="18" customHeight="1" x14ac:dyDescent="0.2">
      <c r="A66" s="170">
        <v>335</v>
      </c>
      <c r="B66" s="171" t="s">
        <v>206</v>
      </c>
      <c r="C66" s="137">
        <v>10000000</v>
      </c>
      <c r="D66" s="122">
        <v>-8500000</v>
      </c>
      <c r="E66" s="172">
        <v>1500000</v>
      </c>
      <c r="F66" s="172">
        <v>0</v>
      </c>
      <c r="G66" s="172">
        <f t="shared" si="3"/>
        <v>1500000</v>
      </c>
      <c r="H66" s="149">
        <f t="shared" si="0"/>
        <v>0</v>
      </c>
      <c r="I66" s="208"/>
    </row>
    <row r="67" spans="1:9" ht="18" customHeight="1" x14ac:dyDescent="0.2">
      <c r="A67" s="170">
        <v>336</v>
      </c>
      <c r="B67" s="171" t="s">
        <v>228</v>
      </c>
      <c r="C67" s="137">
        <v>0</v>
      </c>
      <c r="D67" s="122">
        <v>412404000</v>
      </c>
      <c r="E67" s="172">
        <v>412404000</v>
      </c>
      <c r="F67" s="172">
        <v>1404000</v>
      </c>
      <c r="G67" s="172">
        <f t="shared" si="3"/>
        <v>411000000</v>
      </c>
      <c r="H67" s="149">
        <f t="shared" si="0"/>
        <v>3.4044286670352371E-3</v>
      </c>
      <c r="I67" s="208"/>
    </row>
    <row r="68" spans="1:9" ht="18" customHeight="1" x14ac:dyDescent="0.2">
      <c r="A68" s="170">
        <v>341</v>
      </c>
      <c r="B68" s="171" t="s">
        <v>145</v>
      </c>
      <c r="C68" s="137">
        <v>558705747</v>
      </c>
      <c r="D68" s="122">
        <v>-41984840</v>
      </c>
      <c r="E68" s="172">
        <v>429700907</v>
      </c>
      <c r="F68" s="172">
        <v>269339082</v>
      </c>
      <c r="G68" s="172">
        <f t="shared" si="3"/>
        <v>160361825</v>
      </c>
      <c r="H68" s="149">
        <f t="shared" si="0"/>
        <v>0.62680594248780586</v>
      </c>
      <c r="I68" s="208"/>
    </row>
    <row r="69" spans="1:9" ht="18" customHeight="1" x14ac:dyDescent="0.2">
      <c r="A69" s="170">
        <v>342</v>
      </c>
      <c r="B69" s="171" t="s">
        <v>146</v>
      </c>
      <c r="C69" s="137">
        <v>6465523787</v>
      </c>
      <c r="D69" s="122">
        <v>-695226296</v>
      </c>
      <c r="E69" s="172">
        <v>5649915091</v>
      </c>
      <c r="F69" s="172">
        <v>2481490131</v>
      </c>
      <c r="G69" s="172">
        <f t="shared" si="3"/>
        <v>3168424960</v>
      </c>
      <c r="H69" s="149">
        <f t="shared" si="0"/>
        <v>0.43920839358327268</v>
      </c>
      <c r="I69" s="208"/>
    </row>
    <row r="70" spans="1:9" ht="18" customHeight="1" x14ac:dyDescent="0.2">
      <c r="A70" s="170">
        <v>343</v>
      </c>
      <c r="B70" s="171" t="s">
        <v>224</v>
      </c>
      <c r="C70" s="137">
        <v>970292349</v>
      </c>
      <c r="D70" s="122">
        <v>22877895</v>
      </c>
      <c r="E70" s="172">
        <v>987195717</v>
      </c>
      <c r="F70" s="172">
        <v>381304328</v>
      </c>
      <c r="G70" s="172">
        <f t="shared" si="3"/>
        <v>605891389</v>
      </c>
      <c r="H70" s="149">
        <f t="shared" si="0"/>
        <v>0.38624998207928812</v>
      </c>
      <c r="I70" s="208"/>
    </row>
    <row r="71" spans="1:9" ht="18" customHeight="1" x14ac:dyDescent="0.2">
      <c r="A71" s="170">
        <v>344</v>
      </c>
      <c r="B71" s="171" t="s">
        <v>185</v>
      </c>
      <c r="C71" s="137">
        <v>6546078</v>
      </c>
      <c r="D71" s="122">
        <v>2000000</v>
      </c>
      <c r="E71" s="172">
        <v>15546078</v>
      </c>
      <c r="F71" s="172">
        <v>9300625</v>
      </c>
      <c r="G71" s="172">
        <f t="shared" si="3"/>
        <v>6245453</v>
      </c>
      <c r="H71" s="149">
        <f t="shared" si="0"/>
        <v>0.59826182526551075</v>
      </c>
      <c r="I71" s="208"/>
    </row>
    <row r="72" spans="1:9" ht="18" customHeight="1" x14ac:dyDescent="0.2">
      <c r="A72" s="138">
        <v>345</v>
      </c>
      <c r="B72" s="171" t="s">
        <v>173</v>
      </c>
      <c r="C72" s="137">
        <v>7700000</v>
      </c>
      <c r="D72" s="185">
        <v>-600000</v>
      </c>
      <c r="E72" s="137">
        <v>7600000</v>
      </c>
      <c r="F72" s="137">
        <v>2745000</v>
      </c>
      <c r="G72" s="137">
        <f t="shared" si="3"/>
        <v>4855000</v>
      </c>
      <c r="H72" s="149">
        <f t="shared" si="0"/>
        <v>0.36118421052631577</v>
      </c>
      <c r="I72" s="208"/>
    </row>
    <row r="73" spans="1:9" ht="18" customHeight="1" x14ac:dyDescent="0.2">
      <c r="A73" s="138">
        <v>346</v>
      </c>
      <c r="B73" s="171" t="s">
        <v>147</v>
      </c>
      <c r="C73" s="137">
        <v>1113999997</v>
      </c>
      <c r="D73" s="185">
        <v>-163000000</v>
      </c>
      <c r="E73" s="137">
        <v>832635497</v>
      </c>
      <c r="F73" s="137">
        <v>509547686</v>
      </c>
      <c r="G73" s="137">
        <f t="shared" si="3"/>
        <v>323087811</v>
      </c>
      <c r="H73" s="149">
        <f t="shared" ref="H73:H123" si="4">+IF(E73=0,1,F73/E73)</f>
        <v>0.61196968882050917</v>
      </c>
      <c r="I73" s="208"/>
    </row>
    <row r="74" spans="1:9" ht="18" customHeight="1" x14ac:dyDescent="0.2">
      <c r="A74" s="138">
        <v>347</v>
      </c>
      <c r="B74" s="139" t="s">
        <v>148</v>
      </c>
      <c r="C74" s="137">
        <v>61374450</v>
      </c>
      <c r="D74" s="185">
        <v>30019212</v>
      </c>
      <c r="E74" s="137">
        <v>98893662</v>
      </c>
      <c r="F74" s="137">
        <v>25611228</v>
      </c>
      <c r="G74" s="137">
        <f t="shared" si="3"/>
        <v>73282434</v>
      </c>
      <c r="H74" s="149">
        <f t="shared" si="4"/>
        <v>0.25897744589536992</v>
      </c>
      <c r="I74" s="208"/>
    </row>
    <row r="75" spans="1:9" ht="18" customHeight="1" x14ac:dyDescent="0.2">
      <c r="A75" s="138">
        <v>351</v>
      </c>
      <c r="B75" s="139" t="s">
        <v>149</v>
      </c>
      <c r="C75" s="137">
        <v>246878750</v>
      </c>
      <c r="D75" s="185">
        <v>96669400</v>
      </c>
      <c r="E75" s="137">
        <v>343948150</v>
      </c>
      <c r="F75" s="137">
        <v>90563843</v>
      </c>
      <c r="G75" s="137">
        <f t="shared" si="3"/>
        <v>253384307</v>
      </c>
      <c r="H75" s="149">
        <f t="shared" si="4"/>
        <v>0.26330667282263331</v>
      </c>
      <c r="I75" s="208"/>
    </row>
    <row r="76" spans="1:9" ht="18" customHeight="1" x14ac:dyDescent="0.2">
      <c r="A76" s="138">
        <v>352</v>
      </c>
      <c r="B76" s="139" t="s">
        <v>174</v>
      </c>
      <c r="C76" s="137">
        <v>33966240</v>
      </c>
      <c r="D76" s="185">
        <v>-12492400</v>
      </c>
      <c r="E76" s="137">
        <v>26473840</v>
      </c>
      <c r="F76" s="137">
        <v>8924300</v>
      </c>
      <c r="G76" s="137">
        <f t="shared" si="3"/>
        <v>17549540</v>
      </c>
      <c r="H76" s="149">
        <f t="shared" si="4"/>
        <v>0.33709881150599991</v>
      </c>
      <c r="I76" s="208"/>
    </row>
    <row r="77" spans="1:9" ht="18" customHeight="1" x14ac:dyDescent="0.2">
      <c r="A77" s="138">
        <v>353</v>
      </c>
      <c r="B77" s="139" t="s">
        <v>215</v>
      </c>
      <c r="C77" s="137">
        <v>500000</v>
      </c>
      <c r="D77" s="137">
        <v>0</v>
      </c>
      <c r="E77" s="137">
        <v>500000</v>
      </c>
      <c r="F77" s="137">
        <v>0</v>
      </c>
      <c r="G77" s="137">
        <f t="shared" si="3"/>
        <v>500000</v>
      </c>
      <c r="H77" s="149">
        <f t="shared" si="4"/>
        <v>0</v>
      </c>
      <c r="I77" s="208"/>
    </row>
    <row r="78" spans="1:9" ht="18" customHeight="1" x14ac:dyDescent="0.2">
      <c r="A78" s="138">
        <v>354</v>
      </c>
      <c r="B78" s="139" t="s">
        <v>175</v>
      </c>
      <c r="C78" s="137">
        <v>39556700</v>
      </c>
      <c r="D78" s="137">
        <v>4806340</v>
      </c>
      <c r="E78" s="137">
        <v>44363040</v>
      </c>
      <c r="F78" s="137">
        <v>13586800</v>
      </c>
      <c r="G78" s="137">
        <f t="shared" si="3"/>
        <v>30776240</v>
      </c>
      <c r="H78" s="149">
        <f t="shared" si="4"/>
        <v>0.30626395305641813</v>
      </c>
      <c r="I78" s="208"/>
    </row>
    <row r="79" spans="1:9" ht="18" customHeight="1" x14ac:dyDescent="0.2">
      <c r="A79" s="138">
        <v>355</v>
      </c>
      <c r="B79" s="139" t="s">
        <v>176</v>
      </c>
      <c r="C79" s="137">
        <v>108705460</v>
      </c>
      <c r="D79" s="137">
        <v>-3000000</v>
      </c>
      <c r="E79" s="137">
        <v>107205460</v>
      </c>
      <c r="F79" s="137">
        <v>62919232</v>
      </c>
      <c r="G79" s="137">
        <f t="shared" si="3"/>
        <v>44286228</v>
      </c>
      <c r="H79" s="149">
        <f t="shared" si="4"/>
        <v>0.58690324168190688</v>
      </c>
      <c r="I79" s="208"/>
    </row>
    <row r="80" spans="1:9" ht="18" customHeight="1" x14ac:dyDescent="0.2">
      <c r="A80" s="138">
        <v>357</v>
      </c>
      <c r="B80" s="139" t="s">
        <v>195</v>
      </c>
      <c r="C80" s="137">
        <v>4000000</v>
      </c>
      <c r="D80" s="137">
        <v>0</v>
      </c>
      <c r="E80" s="137">
        <v>4600000</v>
      </c>
      <c r="F80" s="137">
        <v>0</v>
      </c>
      <c r="G80" s="137">
        <f t="shared" si="3"/>
        <v>4600000</v>
      </c>
      <c r="H80" s="149">
        <f t="shared" si="4"/>
        <v>0</v>
      </c>
      <c r="I80" s="208"/>
    </row>
    <row r="81" spans="1:9" ht="18" customHeight="1" x14ac:dyDescent="0.2">
      <c r="A81" s="138">
        <v>358</v>
      </c>
      <c r="B81" s="139" t="s">
        <v>196</v>
      </c>
      <c r="C81" s="137">
        <v>38300000</v>
      </c>
      <c r="D81" s="137">
        <v>0</v>
      </c>
      <c r="E81" s="137">
        <v>192599884</v>
      </c>
      <c r="F81" s="137">
        <v>5205600</v>
      </c>
      <c r="G81" s="137">
        <f t="shared" si="3"/>
        <v>187394284</v>
      </c>
      <c r="H81" s="149">
        <f t="shared" si="4"/>
        <v>2.7028053661756101E-2</v>
      </c>
      <c r="I81" s="208"/>
    </row>
    <row r="82" spans="1:9" ht="18" customHeight="1" x14ac:dyDescent="0.2">
      <c r="A82" s="138">
        <v>361</v>
      </c>
      <c r="B82" s="139" t="s">
        <v>150</v>
      </c>
      <c r="C82" s="137">
        <v>3848569200</v>
      </c>
      <c r="D82" s="137">
        <v>109440000</v>
      </c>
      <c r="E82" s="137">
        <v>4007334162</v>
      </c>
      <c r="F82" s="137">
        <v>2330894016</v>
      </c>
      <c r="G82" s="137">
        <f t="shared" si="3"/>
        <v>1676440146</v>
      </c>
      <c r="H82" s="149">
        <f t="shared" si="4"/>
        <v>0.58165701231081912</v>
      </c>
      <c r="I82" s="208"/>
    </row>
    <row r="83" spans="1:9" ht="18" customHeight="1" x14ac:dyDescent="0.2">
      <c r="A83" s="138">
        <v>362</v>
      </c>
      <c r="B83" s="139" t="s">
        <v>151</v>
      </c>
      <c r="C83" s="137">
        <v>23268300</v>
      </c>
      <c r="D83" s="137">
        <v>-600000</v>
      </c>
      <c r="E83" s="137">
        <v>22668300</v>
      </c>
      <c r="F83" s="137">
        <v>482500</v>
      </c>
      <c r="G83" s="137">
        <f t="shared" si="3"/>
        <v>22185800</v>
      </c>
      <c r="H83" s="149">
        <f t="shared" si="4"/>
        <v>2.1285230917183907E-2</v>
      </c>
      <c r="I83" s="208"/>
    </row>
    <row r="84" spans="1:9" ht="18" customHeight="1" x14ac:dyDescent="0.2">
      <c r="A84" s="138">
        <v>391</v>
      </c>
      <c r="B84" s="139" t="s">
        <v>152</v>
      </c>
      <c r="C84" s="137">
        <v>125129350</v>
      </c>
      <c r="D84" s="137">
        <v>3080500</v>
      </c>
      <c r="E84" s="137">
        <v>134209850</v>
      </c>
      <c r="F84" s="137">
        <v>26314000</v>
      </c>
      <c r="G84" s="137">
        <f t="shared" si="3"/>
        <v>107895850</v>
      </c>
      <c r="H84" s="149">
        <f t="shared" si="4"/>
        <v>0.19606608605851211</v>
      </c>
      <c r="I84" s="208"/>
    </row>
    <row r="85" spans="1:9" ht="18" customHeight="1" x14ac:dyDescent="0.2">
      <c r="A85" s="138">
        <v>392</v>
      </c>
      <c r="B85" s="139" t="s">
        <v>153</v>
      </c>
      <c r="C85" s="137">
        <v>91577496</v>
      </c>
      <c r="D85" s="137">
        <v>-5750000</v>
      </c>
      <c r="E85" s="137">
        <v>75627496</v>
      </c>
      <c r="F85" s="137">
        <v>35512250</v>
      </c>
      <c r="G85" s="137">
        <f t="shared" si="3"/>
        <v>40115246</v>
      </c>
      <c r="H85" s="149">
        <f t="shared" si="4"/>
        <v>0.46956797300283482</v>
      </c>
      <c r="I85" s="208"/>
    </row>
    <row r="86" spans="1:9" ht="18" customHeight="1" x14ac:dyDescent="0.2">
      <c r="A86" s="138">
        <v>393</v>
      </c>
      <c r="B86" s="139" t="s">
        <v>154</v>
      </c>
      <c r="C86" s="137">
        <v>9800000</v>
      </c>
      <c r="D86" s="137">
        <v>-7800000</v>
      </c>
      <c r="E86" s="137">
        <v>21985000</v>
      </c>
      <c r="F86" s="137">
        <v>1635000</v>
      </c>
      <c r="G86" s="137">
        <f t="shared" si="3"/>
        <v>20350000</v>
      </c>
      <c r="H86" s="149">
        <f t="shared" si="4"/>
        <v>7.4368887878098699E-2</v>
      </c>
      <c r="I86" s="208"/>
    </row>
    <row r="87" spans="1:9" ht="18" customHeight="1" x14ac:dyDescent="0.2">
      <c r="A87" s="138">
        <v>394</v>
      </c>
      <c r="B87" s="139" t="s">
        <v>155</v>
      </c>
      <c r="C87" s="137">
        <v>112949690</v>
      </c>
      <c r="D87" s="137">
        <v>-8435708</v>
      </c>
      <c r="E87" s="137">
        <v>104513982</v>
      </c>
      <c r="F87" s="137">
        <v>14239914</v>
      </c>
      <c r="G87" s="137">
        <f t="shared" si="3"/>
        <v>90274068</v>
      </c>
      <c r="H87" s="149">
        <f t="shared" si="4"/>
        <v>0.13624888964617193</v>
      </c>
      <c r="I87" s="208"/>
    </row>
    <row r="88" spans="1:9" ht="18" customHeight="1" x14ac:dyDescent="0.2">
      <c r="A88" s="138">
        <v>395</v>
      </c>
      <c r="B88" s="139" t="s">
        <v>177</v>
      </c>
      <c r="C88" s="137">
        <v>32804650</v>
      </c>
      <c r="D88" s="137">
        <v>-6004650</v>
      </c>
      <c r="E88" s="137">
        <v>859800000</v>
      </c>
      <c r="F88" s="137">
        <v>456000</v>
      </c>
      <c r="G88" s="137">
        <f t="shared" si="3"/>
        <v>859344000</v>
      </c>
      <c r="H88" s="149">
        <f t="shared" si="4"/>
        <v>5.3035589672016745E-4</v>
      </c>
      <c r="I88" s="208"/>
    </row>
    <row r="89" spans="1:9" ht="18" customHeight="1" x14ac:dyDescent="0.2">
      <c r="A89" s="138">
        <v>396</v>
      </c>
      <c r="B89" s="139" t="s">
        <v>197</v>
      </c>
      <c r="C89" s="137">
        <v>24656000</v>
      </c>
      <c r="D89" s="137">
        <v>-6800400</v>
      </c>
      <c r="E89" s="137">
        <v>21855600</v>
      </c>
      <c r="F89" s="137">
        <v>6110112</v>
      </c>
      <c r="G89" s="137">
        <f t="shared" si="3"/>
        <v>15745488</v>
      </c>
      <c r="H89" s="149">
        <f t="shared" si="4"/>
        <v>0.27956734200845551</v>
      </c>
      <c r="I89" s="208"/>
    </row>
    <row r="90" spans="1:9" ht="18" customHeight="1" x14ac:dyDescent="0.2">
      <c r="A90" s="138">
        <v>397</v>
      </c>
      <c r="B90" s="139" t="s">
        <v>198</v>
      </c>
      <c r="C90" s="137">
        <v>130323588</v>
      </c>
      <c r="D90" s="137">
        <v>-9820400</v>
      </c>
      <c r="E90" s="137">
        <v>123503188</v>
      </c>
      <c r="F90" s="137">
        <v>13689072</v>
      </c>
      <c r="G90" s="137">
        <f t="shared" si="3"/>
        <v>109814116</v>
      </c>
      <c r="H90" s="149">
        <f t="shared" si="4"/>
        <v>0.1108398270658406</v>
      </c>
      <c r="I90" s="208"/>
    </row>
    <row r="91" spans="1:9" ht="18" customHeight="1" x14ac:dyDescent="0.2">
      <c r="A91" s="138">
        <v>398</v>
      </c>
      <c r="B91" s="139" t="s">
        <v>186</v>
      </c>
      <c r="C91" s="137">
        <v>16500000</v>
      </c>
      <c r="D91" s="137">
        <v>0</v>
      </c>
      <c r="E91" s="137">
        <v>16500000</v>
      </c>
      <c r="F91" s="137">
        <v>2622000</v>
      </c>
      <c r="G91" s="137">
        <f t="shared" si="3"/>
        <v>13878000</v>
      </c>
      <c r="H91" s="149">
        <f t="shared" si="4"/>
        <v>0.15890909090909092</v>
      </c>
      <c r="I91" s="208"/>
    </row>
    <row r="92" spans="1:9" ht="18" customHeight="1" x14ac:dyDescent="0.2">
      <c r="A92" s="138">
        <v>399</v>
      </c>
      <c r="B92" s="139" t="s">
        <v>156</v>
      </c>
      <c r="C92" s="137">
        <v>125156807</v>
      </c>
      <c r="D92" s="137">
        <v>-40067880</v>
      </c>
      <c r="E92" s="137">
        <v>91088927</v>
      </c>
      <c r="F92" s="137">
        <v>27470285</v>
      </c>
      <c r="G92" s="137">
        <f t="shared" si="3"/>
        <v>63618642</v>
      </c>
      <c r="H92" s="149">
        <f t="shared" si="4"/>
        <v>0.30157655715935705</v>
      </c>
      <c r="I92" s="208"/>
    </row>
    <row r="93" spans="1:9" ht="18" customHeight="1" x14ac:dyDescent="0.2">
      <c r="A93" s="131">
        <v>500</v>
      </c>
      <c r="B93" s="132" t="s">
        <v>58</v>
      </c>
      <c r="C93" s="133">
        <f>SUM(C94:C109)</f>
        <v>144876755217</v>
      </c>
      <c r="D93" s="133">
        <f>SUM(D94:D109)</f>
        <v>21156003336</v>
      </c>
      <c r="E93" s="133">
        <f>SUM(E94:E109)</f>
        <v>173073471517</v>
      </c>
      <c r="F93" s="133">
        <f>SUM(F94:F109)</f>
        <v>70808161154</v>
      </c>
      <c r="G93" s="133">
        <f>SUM(G94:G109)</f>
        <v>102265310363</v>
      </c>
      <c r="H93" s="182">
        <f t="shared" si="4"/>
        <v>0.4091219788530383</v>
      </c>
      <c r="I93" s="208"/>
    </row>
    <row r="94" spans="1:9" ht="18" customHeight="1" x14ac:dyDescent="0.2">
      <c r="A94" s="138">
        <v>511</v>
      </c>
      <c r="B94" s="139" t="s">
        <v>216</v>
      </c>
      <c r="C94" s="137">
        <v>10000000</v>
      </c>
      <c r="D94" s="137">
        <v>1000000</v>
      </c>
      <c r="E94" s="137">
        <v>11000000</v>
      </c>
      <c r="F94" s="137">
        <v>6000000</v>
      </c>
      <c r="G94" s="137">
        <f t="shared" ref="G94:G109" si="5">E94-F94</f>
        <v>5000000</v>
      </c>
      <c r="H94" s="149">
        <f t="shared" si="4"/>
        <v>0.54545454545454541</v>
      </c>
      <c r="I94" s="208"/>
    </row>
    <row r="95" spans="1:9" ht="18" customHeight="1" x14ac:dyDescent="0.2">
      <c r="A95" s="138">
        <v>522</v>
      </c>
      <c r="B95" s="139" t="s">
        <v>157</v>
      </c>
      <c r="C95" s="137">
        <v>124542270041</v>
      </c>
      <c r="D95" s="137">
        <v>-820264981</v>
      </c>
      <c r="E95" s="137">
        <v>122517005060</v>
      </c>
      <c r="F95" s="137">
        <v>53829224486</v>
      </c>
      <c r="G95" s="137">
        <f t="shared" si="5"/>
        <v>68687780574</v>
      </c>
      <c r="H95" s="149">
        <f t="shared" si="4"/>
        <v>0.43936124997210246</v>
      </c>
      <c r="I95" s="208"/>
    </row>
    <row r="96" spans="1:9" ht="18" customHeight="1" x14ac:dyDescent="0.2">
      <c r="A96" s="138">
        <v>526</v>
      </c>
      <c r="B96" s="139" t="s">
        <v>231</v>
      </c>
      <c r="C96" s="137">
        <v>0</v>
      </c>
      <c r="D96" s="137">
        <v>52000000</v>
      </c>
      <c r="E96" s="137">
        <v>52000000</v>
      </c>
      <c r="F96" s="137">
        <v>0</v>
      </c>
      <c r="G96" s="137">
        <f t="shared" si="5"/>
        <v>52000000</v>
      </c>
      <c r="H96" s="149">
        <f t="shared" si="4"/>
        <v>0</v>
      </c>
      <c r="I96" s="208"/>
    </row>
    <row r="97" spans="1:9" ht="18" customHeight="1" x14ac:dyDescent="0.2">
      <c r="A97" s="138">
        <v>532</v>
      </c>
      <c r="B97" s="139" t="s">
        <v>207</v>
      </c>
      <c r="C97" s="137">
        <v>15500000</v>
      </c>
      <c r="D97" s="137">
        <v>-1500000</v>
      </c>
      <c r="E97" s="137">
        <v>14000000</v>
      </c>
      <c r="F97" s="137">
        <v>12800000</v>
      </c>
      <c r="G97" s="137">
        <f t="shared" si="5"/>
        <v>1200000</v>
      </c>
      <c r="H97" s="149">
        <f t="shared" si="4"/>
        <v>0.91428571428571426</v>
      </c>
      <c r="I97" s="208"/>
    </row>
    <row r="98" spans="1:9" ht="18" customHeight="1" x14ac:dyDescent="0.2">
      <c r="A98" s="138">
        <v>533</v>
      </c>
      <c r="B98" s="139" t="s">
        <v>208</v>
      </c>
      <c r="C98" s="137">
        <v>176660000</v>
      </c>
      <c r="D98" s="137">
        <v>85340000</v>
      </c>
      <c r="E98" s="137">
        <v>447000000</v>
      </c>
      <c r="F98" s="137">
        <v>0</v>
      </c>
      <c r="G98" s="137">
        <f t="shared" si="5"/>
        <v>447000000</v>
      </c>
      <c r="H98" s="149">
        <f t="shared" si="4"/>
        <v>0</v>
      </c>
      <c r="I98" s="208"/>
    </row>
    <row r="99" spans="1:9" ht="18" customHeight="1" x14ac:dyDescent="0.2">
      <c r="A99" s="138">
        <v>534</v>
      </c>
      <c r="B99" s="139" t="s">
        <v>209</v>
      </c>
      <c r="C99" s="137">
        <v>55682000</v>
      </c>
      <c r="D99" s="137">
        <v>7583000</v>
      </c>
      <c r="E99" s="137">
        <v>63265000</v>
      </c>
      <c r="F99" s="137">
        <v>10265000</v>
      </c>
      <c r="G99" s="137">
        <f t="shared" si="5"/>
        <v>53000000</v>
      </c>
      <c r="H99" s="149">
        <f t="shared" si="4"/>
        <v>0.16225401090650438</v>
      </c>
      <c r="I99" s="208"/>
    </row>
    <row r="100" spans="1:9" ht="18" customHeight="1" x14ac:dyDescent="0.2">
      <c r="A100" s="138">
        <v>535</v>
      </c>
      <c r="B100" s="139" t="s">
        <v>203</v>
      </c>
      <c r="C100" s="137">
        <v>38400000</v>
      </c>
      <c r="D100" s="137">
        <v>11500000</v>
      </c>
      <c r="E100" s="137">
        <v>71970000</v>
      </c>
      <c r="F100" s="137">
        <v>11450000</v>
      </c>
      <c r="G100" s="137">
        <f t="shared" si="5"/>
        <v>60520000</v>
      </c>
      <c r="H100" s="149">
        <f t="shared" si="4"/>
        <v>0.1590940669723496</v>
      </c>
      <c r="I100" s="208"/>
    </row>
    <row r="101" spans="1:9" ht="18" customHeight="1" x14ac:dyDescent="0.2">
      <c r="A101" s="138">
        <v>536</v>
      </c>
      <c r="B101" s="139" t="s">
        <v>178</v>
      </c>
      <c r="C101" s="137">
        <v>177725500</v>
      </c>
      <c r="D101" s="137">
        <v>112432360</v>
      </c>
      <c r="E101" s="137">
        <v>875157860</v>
      </c>
      <c r="F101" s="137">
        <v>254073100</v>
      </c>
      <c r="G101" s="137">
        <f t="shared" si="5"/>
        <v>621084760</v>
      </c>
      <c r="H101" s="149">
        <f t="shared" si="4"/>
        <v>0.29031688065967892</v>
      </c>
      <c r="I101" s="208"/>
    </row>
    <row r="102" spans="1:9" ht="18" customHeight="1" x14ac:dyDescent="0.2">
      <c r="A102" s="138">
        <v>537</v>
      </c>
      <c r="B102" s="139" t="s">
        <v>210</v>
      </c>
      <c r="C102" s="137">
        <v>240000000</v>
      </c>
      <c r="D102" s="137">
        <v>1148370423</v>
      </c>
      <c r="E102" s="137">
        <v>2502424423</v>
      </c>
      <c r="F102" s="137">
        <v>280000000</v>
      </c>
      <c r="G102" s="137">
        <f t="shared" si="5"/>
        <v>2222424423</v>
      </c>
      <c r="H102" s="149">
        <f t="shared" si="4"/>
        <v>0.11189149107821028</v>
      </c>
      <c r="I102" s="208"/>
    </row>
    <row r="103" spans="1:9" ht="18" customHeight="1" x14ac:dyDescent="0.2">
      <c r="A103" s="138">
        <v>538</v>
      </c>
      <c r="B103" s="139" t="s">
        <v>204</v>
      </c>
      <c r="C103" s="137">
        <v>240262853</v>
      </c>
      <c r="D103" s="137">
        <v>1361604067</v>
      </c>
      <c r="E103" s="137">
        <v>2006866920</v>
      </c>
      <c r="F103" s="137">
        <v>635330974</v>
      </c>
      <c r="G103" s="137">
        <f t="shared" si="5"/>
        <v>1371535946</v>
      </c>
      <c r="H103" s="149">
        <f t="shared" si="4"/>
        <v>0.31657852728969194</v>
      </c>
      <c r="I103" s="208"/>
    </row>
    <row r="104" spans="1:9" ht="18" customHeight="1" x14ac:dyDescent="0.2">
      <c r="A104" s="138">
        <v>541</v>
      </c>
      <c r="B104" s="139" t="s">
        <v>158</v>
      </c>
      <c r="C104" s="137">
        <v>8909430269</v>
      </c>
      <c r="D104" s="137">
        <v>2375916373</v>
      </c>
      <c r="E104" s="137">
        <v>11801736642</v>
      </c>
      <c r="F104" s="137">
        <v>1956863721</v>
      </c>
      <c r="G104" s="137">
        <f t="shared" si="5"/>
        <v>9844872921</v>
      </c>
      <c r="H104" s="149">
        <f t="shared" si="4"/>
        <v>0.16581150557418106</v>
      </c>
      <c r="I104" s="208"/>
    </row>
    <row r="105" spans="1:9" ht="18" customHeight="1" x14ac:dyDescent="0.2">
      <c r="A105" s="138">
        <v>542</v>
      </c>
      <c r="B105" s="139" t="s">
        <v>159</v>
      </c>
      <c r="C105" s="137">
        <v>130286000</v>
      </c>
      <c r="D105" s="137">
        <v>479824626</v>
      </c>
      <c r="E105" s="137">
        <v>1557110626</v>
      </c>
      <c r="F105" s="137">
        <v>107007000</v>
      </c>
      <c r="G105" s="137">
        <f t="shared" si="5"/>
        <v>1450103626</v>
      </c>
      <c r="H105" s="149">
        <f t="shared" si="4"/>
        <v>6.8721514202806547E-2</v>
      </c>
      <c r="I105" s="208"/>
    </row>
    <row r="106" spans="1:9" ht="18" customHeight="1" x14ac:dyDescent="0.2">
      <c r="A106" s="138">
        <v>543</v>
      </c>
      <c r="B106" s="152" t="s">
        <v>199</v>
      </c>
      <c r="C106" s="137">
        <v>8984435821</v>
      </c>
      <c r="D106" s="137">
        <v>15389156134</v>
      </c>
      <c r="E106" s="137">
        <v>28493996219</v>
      </c>
      <c r="F106" s="137">
        <v>12986650043</v>
      </c>
      <c r="G106" s="137">
        <f t="shared" si="5"/>
        <v>15507346176</v>
      </c>
      <c r="H106" s="149">
        <f t="shared" si="4"/>
        <v>0.45576794294443013</v>
      </c>
      <c r="I106" s="208"/>
    </row>
    <row r="107" spans="1:9" ht="18" customHeight="1" x14ac:dyDescent="0.2">
      <c r="A107" s="138">
        <v>552</v>
      </c>
      <c r="B107" s="152" t="s">
        <v>211</v>
      </c>
      <c r="C107" s="137">
        <v>29000000</v>
      </c>
      <c r="D107" s="137">
        <v>900000000</v>
      </c>
      <c r="E107" s="137">
        <v>929000000</v>
      </c>
      <c r="F107" s="137">
        <v>0</v>
      </c>
      <c r="G107" s="137">
        <f t="shared" si="5"/>
        <v>929000000</v>
      </c>
      <c r="H107" s="149">
        <f t="shared" si="4"/>
        <v>0</v>
      </c>
      <c r="I107" s="208"/>
    </row>
    <row r="108" spans="1:9" ht="18" customHeight="1" x14ac:dyDescent="0.2">
      <c r="A108" s="138">
        <v>579</v>
      </c>
      <c r="B108" s="152" t="s">
        <v>205</v>
      </c>
      <c r="C108" s="137">
        <v>1266757333</v>
      </c>
      <c r="D108" s="137">
        <v>-52958666</v>
      </c>
      <c r="E108" s="137">
        <v>1546718367</v>
      </c>
      <c r="F108" s="137">
        <v>694130000</v>
      </c>
      <c r="G108" s="137">
        <f t="shared" si="5"/>
        <v>852588367</v>
      </c>
      <c r="H108" s="149">
        <f t="shared" si="4"/>
        <v>0.44877594706936069</v>
      </c>
      <c r="I108" s="208"/>
    </row>
    <row r="109" spans="1:9" ht="18" customHeight="1" x14ac:dyDescent="0.2">
      <c r="A109" s="138">
        <v>596</v>
      </c>
      <c r="B109" s="152" t="s">
        <v>179</v>
      </c>
      <c r="C109" s="137">
        <v>60345400</v>
      </c>
      <c r="D109" s="137">
        <v>106000000</v>
      </c>
      <c r="E109" s="137">
        <v>184220400</v>
      </c>
      <c r="F109" s="137">
        <v>24366830</v>
      </c>
      <c r="G109" s="137">
        <f t="shared" si="5"/>
        <v>159853570</v>
      </c>
      <c r="H109" s="149">
        <f t="shared" si="4"/>
        <v>0.13226998747152868</v>
      </c>
      <c r="I109" s="208"/>
    </row>
    <row r="110" spans="1:9" ht="18" customHeight="1" x14ac:dyDescent="0.2">
      <c r="A110" s="131">
        <v>700</v>
      </c>
      <c r="B110" s="132" t="s">
        <v>119</v>
      </c>
      <c r="C110" s="133">
        <f>SUM(C111:C112)</f>
        <v>1112285005</v>
      </c>
      <c r="D110" s="133">
        <f>SUM(D111:D112)</f>
        <v>0</v>
      </c>
      <c r="E110" s="133">
        <f>SUM(E111:E112)</f>
        <v>1112285005</v>
      </c>
      <c r="F110" s="133">
        <f>SUM(F111:F112)</f>
        <v>552673904</v>
      </c>
      <c r="G110" s="133">
        <f>SUM(G111:G112)</f>
        <v>559611101</v>
      </c>
      <c r="H110" s="182">
        <f t="shared" si="4"/>
        <v>0.49688155600011885</v>
      </c>
      <c r="I110" s="208"/>
    </row>
    <row r="111" spans="1:9" ht="18" customHeight="1" x14ac:dyDescent="0.2">
      <c r="A111" s="134">
        <v>712</v>
      </c>
      <c r="B111" s="135" t="s">
        <v>200</v>
      </c>
      <c r="C111" s="137">
        <v>325912206</v>
      </c>
      <c r="D111" s="137">
        <v>-30000000</v>
      </c>
      <c r="E111" s="137">
        <v>295912206</v>
      </c>
      <c r="F111" s="137">
        <v>141803938</v>
      </c>
      <c r="G111" s="137">
        <f>E111-F111</f>
        <v>154108268</v>
      </c>
      <c r="H111" s="151">
        <f t="shared" si="4"/>
        <v>0.47920949229110205</v>
      </c>
      <c r="I111" s="208"/>
    </row>
    <row r="112" spans="1:9" ht="18" customHeight="1" x14ac:dyDescent="0.2">
      <c r="A112" s="138">
        <v>732</v>
      </c>
      <c r="B112" s="139" t="s">
        <v>180</v>
      </c>
      <c r="C112" s="137">
        <v>786372799</v>
      </c>
      <c r="D112" s="137">
        <v>30000000</v>
      </c>
      <c r="E112" s="137">
        <v>816372799</v>
      </c>
      <c r="F112" s="137">
        <v>410869966</v>
      </c>
      <c r="G112" s="137">
        <f>E112-F112</f>
        <v>405502833</v>
      </c>
      <c r="H112" s="149">
        <f t="shared" si="4"/>
        <v>0.50328718264901429</v>
      </c>
      <c r="I112" s="208"/>
    </row>
    <row r="113" spans="1:10" ht="18" customHeight="1" x14ac:dyDescent="0.2">
      <c r="A113" s="131">
        <v>800</v>
      </c>
      <c r="B113" s="132" t="s">
        <v>59</v>
      </c>
      <c r="C113" s="133">
        <f>SUM(C114:C118)</f>
        <v>17070180000</v>
      </c>
      <c r="D113" s="133">
        <f>SUM(D114:D118)</f>
        <v>-2846000000</v>
      </c>
      <c r="E113" s="133">
        <f>SUM(E114:E118)</f>
        <v>26898587296</v>
      </c>
      <c r="F113" s="133">
        <f>SUM(F114:F118)</f>
        <v>13400551731</v>
      </c>
      <c r="G113" s="133">
        <f>SUM(G114:G118)</f>
        <v>13498035565</v>
      </c>
      <c r="H113" s="182">
        <f t="shared" si="4"/>
        <v>0.49818793766142327</v>
      </c>
      <c r="I113" s="208"/>
    </row>
    <row r="114" spans="1:10" ht="18" customHeight="1" x14ac:dyDescent="0.2">
      <c r="A114" s="134">
        <v>841</v>
      </c>
      <c r="B114" s="135" t="s">
        <v>60</v>
      </c>
      <c r="C114" s="136">
        <v>101000000</v>
      </c>
      <c r="D114" s="137">
        <v>154000000</v>
      </c>
      <c r="E114" s="137">
        <v>255000000</v>
      </c>
      <c r="F114" s="137">
        <v>174000000</v>
      </c>
      <c r="G114" s="137">
        <f>E114-F114</f>
        <v>81000000</v>
      </c>
      <c r="H114" s="151">
        <f t="shared" si="4"/>
        <v>0.68235294117647061</v>
      </c>
      <c r="I114" s="208"/>
    </row>
    <row r="115" spans="1:10" ht="18" customHeight="1" x14ac:dyDescent="0.2">
      <c r="A115" s="138">
        <v>842</v>
      </c>
      <c r="B115" s="139" t="s">
        <v>181</v>
      </c>
      <c r="C115" s="137">
        <v>1449180000</v>
      </c>
      <c r="D115" s="137">
        <v>0</v>
      </c>
      <c r="E115" s="137">
        <v>1449180000</v>
      </c>
      <c r="F115" s="137">
        <v>1159344000</v>
      </c>
      <c r="G115" s="137">
        <f>E115-F115</f>
        <v>289836000</v>
      </c>
      <c r="H115" s="149">
        <f t="shared" si="4"/>
        <v>0.8</v>
      </c>
      <c r="I115" s="208"/>
    </row>
    <row r="116" spans="1:10" ht="18" customHeight="1" x14ac:dyDescent="0.2">
      <c r="A116" s="138">
        <v>845</v>
      </c>
      <c r="B116" s="139" t="s">
        <v>220</v>
      </c>
      <c r="C116" s="137">
        <v>3500000000</v>
      </c>
      <c r="D116" s="137">
        <v>0</v>
      </c>
      <c r="E116" s="137">
        <v>3500000000</v>
      </c>
      <c r="F116" s="137">
        <v>0</v>
      </c>
      <c r="G116" s="137">
        <f>E116-F116</f>
        <v>3500000000</v>
      </c>
      <c r="H116" s="149">
        <f t="shared" si="4"/>
        <v>0</v>
      </c>
      <c r="I116" s="208"/>
    </row>
    <row r="117" spans="1:10" ht="18" customHeight="1" x14ac:dyDescent="0.2">
      <c r="A117" s="138">
        <v>849</v>
      </c>
      <c r="B117" s="139" t="s">
        <v>201</v>
      </c>
      <c r="C117" s="137">
        <v>12000000000</v>
      </c>
      <c r="D117" s="137">
        <v>-3000000000</v>
      </c>
      <c r="E117" s="137">
        <v>21684407296</v>
      </c>
      <c r="F117" s="137">
        <v>12067207731</v>
      </c>
      <c r="G117" s="137">
        <f>E117-F117</f>
        <v>9617199565</v>
      </c>
      <c r="H117" s="149">
        <f t="shared" si="4"/>
        <v>0.55649239410965912</v>
      </c>
      <c r="I117" s="208"/>
    </row>
    <row r="118" spans="1:10" ht="18" customHeight="1" x14ac:dyDescent="0.2">
      <c r="A118" s="140">
        <v>852</v>
      </c>
      <c r="B118" s="141" t="s">
        <v>182</v>
      </c>
      <c r="C118" s="186">
        <v>20000000</v>
      </c>
      <c r="D118" s="137">
        <v>0</v>
      </c>
      <c r="E118" s="137">
        <v>10000000</v>
      </c>
      <c r="F118" s="137">
        <v>0</v>
      </c>
      <c r="G118" s="137">
        <f>E118-F118</f>
        <v>10000000</v>
      </c>
      <c r="H118" s="150">
        <f t="shared" si="4"/>
        <v>0</v>
      </c>
      <c r="I118" s="208"/>
    </row>
    <row r="119" spans="1:10" ht="18" customHeight="1" x14ac:dyDescent="0.2">
      <c r="A119" s="131">
        <v>900</v>
      </c>
      <c r="B119" s="132" t="s">
        <v>61</v>
      </c>
      <c r="C119" s="133">
        <f>SUM(C120:C122)</f>
        <v>5744450904</v>
      </c>
      <c r="D119" s="133">
        <f>SUM(D120:D122)</f>
        <v>4000000</v>
      </c>
      <c r="E119" s="133">
        <f>SUM(E120:E122)</f>
        <v>3487649608</v>
      </c>
      <c r="F119" s="133">
        <f>SUM(F120:F122)</f>
        <v>2242307768</v>
      </c>
      <c r="G119" s="133">
        <f>SUM(G120:G122)</f>
        <v>1245341840</v>
      </c>
      <c r="H119" s="182">
        <f t="shared" si="4"/>
        <v>0.64292805184803414</v>
      </c>
      <c r="I119" s="208"/>
    </row>
    <row r="120" spans="1:10" ht="18" customHeight="1" x14ac:dyDescent="0.2">
      <c r="A120" s="134">
        <v>910</v>
      </c>
      <c r="B120" s="135" t="s">
        <v>120</v>
      </c>
      <c r="C120" s="136">
        <v>4744450904</v>
      </c>
      <c r="D120" s="172">
        <v>4000000</v>
      </c>
      <c r="E120" s="143">
        <v>2980543608</v>
      </c>
      <c r="F120" s="185">
        <v>2007111621</v>
      </c>
      <c r="G120" s="137">
        <f>E120-F120</f>
        <v>973431987</v>
      </c>
      <c r="H120" s="151">
        <f t="shared" si="4"/>
        <v>0.67340454795318672</v>
      </c>
      <c r="I120" s="208"/>
    </row>
    <row r="121" spans="1:10" ht="18" customHeight="1" x14ac:dyDescent="0.2">
      <c r="A121" s="138">
        <v>920</v>
      </c>
      <c r="B121" s="139" t="s">
        <v>183</v>
      </c>
      <c r="C121" s="137">
        <v>500000000</v>
      </c>
      <c r="D121" s="172">
        <v>0</v>
      </c>
      <c r="E121" s="143">
        <v>500000000</v>
      </c>
      <c r="F121" s="185">
        <v>228090147</v>
      </c>
      <c r="G121" s="137">
        <f>E121-F121</f>
        <v>271909853</v>
      </c>
      <c r="H121" s="149">
        <f t="shared" si="4"/>
        <v>0.45618029399999999</v>
      </c>
      <c r="I121" s="208"/>
    </row>
    <row r="122" spans="1:10" ht="27.75" customHeight="1" x14ac:dyDescent="0.2">
      <c r="A122" s="138">
        <v>960</v>
      </c>
      <c r="B122" s="218" t="s">
        <v>247</v>
      </c>
      <c r="C122" s="137">
        <v>500000000</v>
      </c>
      <c r="D122" s="172">
        <v>0</v>
      </c>
      <c r="E122" s="143">
        <v>7106000</v>
      </c>
      <c r="F122" s="185">
        <v>7106000</v>
      </c>
      <c r="G122" s="137">
        <f>E122-F122</f>
        <v>0</v>
      </c>
      <c r="H122" s="149">
        <f t="shared" si="4"/>
        <v>1</v>
      </c>
      <c r="I122" s="208"/>
    </row>
    <row r="123" spans="1:10" s="173" customFormat="1" ht="15.75" x14ac:dyDescent="0.2">
      <c r="A123" s="241" t="s">
        <v>117</v>
      </c>
      <c r="B123" s="242"/>
      <c r="C123" s="144">
        <f>+C9+C23+C57+C93+C110+C113+C119</f>
        <v>1705604466351</v>
      </c>
      <c r="D123" s="144">
        <f>+D9+D23+D57+D93+D110+D113+D119</f>
        <v>40397500000</v>
      </c>
      <c r="E123" s="144">
        <f>+E9+E23+E57+E93+E110+E113+E119</f>
        <v>1784096520351</v>
      </c>
      <c r="F123" s="144">
        <f>+F9+F23+F57+F93+F110+F113+F119</f>
        <v>1220268233038</v>
      </c>
      <c r="G123" s="144">
        <f>+G9+G23+G57+G93+G110+G113+G119</f>
        <v>563828287313</v>
      </c>
      <c r="H123" s="153">
        <f t="shared" si="4"/>
        <v>0.68396985203352478</v>
      </c>
      <c r="I123" s="208"/>
      <c r="J123" s="209"/>
    </row>
    <row r="124" spans="1:10" ht="16.5" x14ac:dyDescent="0.2">
      <c r="A124" s="214"/>
      <c r="B124" s="214"/>
      <c r="C124" s="214"/>
      <c r="D124" s="214"/>
      <c r="E124" s="214"/>
      <c r="G124" s="214"/>
      <c r="H124" s="214"/>
    </row>
    <row r="125" spans="1:10" ht="16.5" x14ac:dyDescent="0.2">
      <c r="C125" s="216"/>
      <c r="D125" s="216"/>
      <c r="E125" s="215">
        <f>+E123-'Por Prog-Subpr'!B33</f>
        <v>0</v>
      </c>
      <c r="F125" s="215">
        <f>+F123-'Por Prog-Subpr'!C33</f>
        <v>0</v>
      </c>
      <c r="G125" s="215">
        <f>+G123-'Por Prog-Subpr'!D33</f>
        <v>0</v>
      </c>
      <c r="H125" s="217"/>
    </row>
    <row r="126" spans="1:10" x14ac:dyDescent="0.2">
      <c r="C126" s="142"/>
      <c r="D126" s="142"/>
      <c r="E126" s="142"/>
      <c r="F126" s="142"/>
      <c r="G126" s="142"/>
      <c r="H126" s="184"/>
    </row>
  </sheetData>
  <mergeCells count="4">
    <mergeCell ref="A5:H5"/>
    <mergeCell ref="A6:H6"/>
    <mergeCell ref="A7:H7"/>
    <mergeCell ref="A123:B123"/>
  </mergeCells>
  <conditionalFormatting sqref="E100:E109 E58:E59 E118 F119:G119 E22:G23 E1:G20 E111:E112 E114:E115 E88:E92 E61:E85 E120 E122 E24:E55 G24:G55 G61:G85 G88:G92 G58:G59 G100:G109 G111:G112 G114:G115 G118 G122 G120 E124 G124 E125:G65536">
    <cfRule type="cellIs" dxfId="29" priority="28" operator="lessThan">
      <formula>0</formula>
    </cfRule>
  </conditionalFormatting>
  <conditionalFormatting sqref="E95:E99 G95:G99">
    <cfRule type="cellIs" dxfId="28" priority="27" operator="lessThan">
      <formula>0</formula>
    </cfRule>
  </conditionalFormatting>
  <conditionalFormatting sqref="J1:J1048576">
    <cfRule type="cellIs" dxfId="27" priority="23" operator="greaterThan">
      <formula>0.2</formula>
    </cfRule>
    <cfRule type="cellIs" dxfId="26" priority="24" operator="greaterThan">
      <formula>0.2</formula>
    </cfRule>
    <cfRule type="cellIs" dxfId="25" priority="25" operator="greaterThan">
      <formula>0.1</formula>
    </cfRule>
    <cfRule type="cellIs" dxfId="24" priority="26" operator="greaterThan">
      <formula>0.1</formula>
    </cfRule>
  </conditionalFormatting>
  <conditionalFormatting sqref="E60 G60">
    <cfRule type="cellIs" dxfId="23" priority="22" operator="lessThan">
      <formula>0</formula>
    </cfRule>
  </conditionalFormatting>
  <conditionalFormatting sqref="E56 G56">
    <cfRule type="cellIs" dxfId="22" priority="21" operator="lessThan">
      <formula>0</formula>
    </cfRule>
  </conditionalFormatting>
  <conditionalFormatting sqref="E21:G21">
    <cfRule type="cellIs" dxfId="21" priority="20" operator="lessThan">
      <formula>0</formula>
    </cfRule>
  </conditionalFormatting>
  <conditionalFormatting sqref="E94 G94">
    <cfRule type="cellIs" dxfId="20" priority="19" operator="lessThan">
      <formula>0</formula>
    </cfRule>
  </conditionalFormatting>
  <conditionalFormatting sqref="E117 G117">
    <cfRule type="cellIs" dxfId="19" priority="18" operator="lessThan">
      <formula>0</formula>
    </cfRule>
  </conditionalFormatting>
  <conditionalFormatting sqref="E116 G116">
    <cfRule type="cellIs" dxfId="18" priority="17" operator="lessThan">
      <formula>0</formula>
    </cfRule>
  </conditionalFormatting>
  <conditionalFormatting sqref="E86:E87 G86:G87">
    <cfRule type="cellIs" dxfId="17" priority="16" operator="lessThan">
      <formula>0</formula>
    </cfRule>
  </conditionalFormatting>
  <conditionalFormatting sqref="E121 G121">
    <cfRule type="cellIs" dxfId="16" priority="15" operator="lessThan">
      <formula>0</formula>
    </cfRule>
  </conditionalFormatting>
  <conditionalFormatting sqref="F121">
    <cfRule type="cellIs" dxfId="15" priority="1" operator="lessThan">
      <formula>0</formula>
    </cfRule>
  </conditionalFormatting>
  <conditionalFormatting sqref="F24:F55">
    <cfRule type="cellIs" dxfId="14" priority="14" operator="lessThan">
      <formula>0</formula>
    </cfRule>
  </conditionalFormatting>
  <conditionalFormatting sqref="F56">
    <cfRule type="cellIs" dxfId="13" priority="13" operator="lessThan">
      <formula>0</formula>
    </cfRule>
  </conditionalFormatting>
  <conditionalFormatting sqref="F58:F59 F88:F92 F61:F85">
    <cfRule type="cellIs" dxfId="12" priority="12" operator="lessThan">
      <formula>0</formula>
    </cfRule>
  </conditionalFormatting>
  <conditionalFormatting sqref="F60">
    <cfRule type="cellIs" dxfId="11" priority="11" operator="lessThan">
      <formula>0</formula>
    </cfRule>
  </conditionalFormatting>
  <conditionalFormatting sqref="F86:F87">
    <cfRule type="cellIs" dxfId="10" priority="10" operator="lessThan">
      <formula>0</formula>
    </cfRule>
  </conditionalFormatting>
  <conditionalFormatting sqref="F100:F109">
    <cfRule type="cellIs" dxfId="9" priority="9" operator="lessThan">
      <formula>0</formula>
    </cfRule>
  </conditionalFormatting>
  <conditionalFormatting sqref="F95:F99">
    <cfRule type="cellIs" dxfId="8" priority="8" operator="lessThan">
      <formula>0</formula>
    </cfRule>
  </conditionalFormatting>
  <conditionalFormatting sqref="F94">
    <cfRule type="cellIs" dxfId="7" priority="7" operator="lessThan">
      <formula>0</formula>
    </cfRule>
  </conditionalFormatting>
  <conditionalFormatting sqref="F111:F112">
    <cfRule type="cellIs" dxfId="6" priority="6" operator="lessThan">
      <formula>0</formula>
    </cfRule>
  </conditionalFormatting>
  <conditionalFormatting sqref="F118 F114:F115">
    <cfRule type="cellIs" dxfId="5" priority="5" operator="lessThan">
      <formula>0</formula>
    </cfRule>
  </conditionalFormatting>
  <conditionalFormatting sqref="F117">
    <cfRule type="cellIs" dxfId="4" priority="4" operator="lessThan">
      <formula>0</formula>
    </cfRule>
  </conditionalFormatting>
  <conditionalFormatting sqref="F116">
    <cfRule type="cellIs" dxfId="3" priority="3" operator="lessThan">
      <formula>0</formula>
    </cfRule>
  </conditionalFormatting>
  <conditionalFormatting sqref="F120 F122">
    <cfRule type="cellIs" dxfId="2" priority="2" operator="lessThan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66" fitToHeight="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L18"/>
  <sheetViews>
    <sheetView tabSelected="1" view="pageBreakPreview" zoomScale="115" zoomScaleNormal="115" zoomScaleSheetLayoutView="115" workbookViewId="0">
      <selection activeCell="A45" sqref="A45:F45"/>
    </sheetView>
  </sheetViews>
  <sheetFormatPr baseColWidth="10" defaultRowHeight="12.75" x14ac:dyDescent="0.2"/>
  <cols>
    <col min="1" max="7" width="19.140625" style="15" customWidth="1"/>
    <col min="8" max="8" width="18.28515625" customWidth="1"/>
    <col min="9" max="9" width="18.7109375" customWidth="1"/>
    <col min="10" max="10" width="17.5703125" style="16" bestFit="1" customWidth="1"/>
    <col min="11" max="11" width="16.5703125" bestFit="1" customWidth="1"/>
  </cols>
  <sheetData>
    <row r="1" spans="1:12" ht="17.25" customHeight="1" x14ac:dyDescent="0.2"/>
    <row r="2" spans="1:12" ht="18" customHeight="1" x14ac:dyDescent="0.2"/>
    <row r="3" spans="1:12" ht="9" customHeight="1" x14ac:dyDescent="0.2"/>
    <row r="4" spans="1:12" ht="21" x14ac:dyDescent="0.35">
      <c r="A4"/>
      <c r="B4" s="243" t="s">
        <v>217</v>
      </c>
      <c r="C4" s="243"/>
      <c r="D4" s="243"/>
      <c r="E4" s="243"/>
      <c r="F4" s="243"/>
      <c r="G4" s="243"/>
      <c r="H4" s="243"/>
    </row>
    <row r="5" spans="1:12" ht="21" x14ac:dyDescent="0.35">
      <c r="A5"/>
      <c r="B5" s="244" t="s">
        <v>246</v>
      </c>
      <c r="C5" s="244"/>
      <c r="D5" s="244"/>
      <c r="E5" s="244"/>
      <c r="F5" s="244"/>
      <c r="G5" s="244"/>
      <c r="H5" s="244"/>
    </row>
    <row r="7" spans="1:12" ht="19.5" customHeight="1" x14ac:dyDescent="0.2">
      <c r="A7" s="245" t="s">
        <v>1</v>
      </c>
      <c r="B7" s="32" t="s">
        <v>42</v>
      </c>
      <c r="C7" s="32" t="s">
        <v>34</v>
      </c>
      <c r="D7" s="32" t="s">
        <v>73</v>
      </c>
      <c r="E7" s="32" t="s">
        <v>35</v>
      </c>
      <c r="F7" s="32" t="s">
        <v>74</v>
      </c>
      <c r="G7" s="32" t="s">
        <v>36</v>
      </c>
      <c r="H7" s="245" t="s">
        <v>212</v>
      </c>
      <c r="I7" s="247" t="s">
        <v>75</v>
      </c>
    </row>
    <row r="8" spans="1:12" ht="19.5" customHeight="1" x14ac:dyDescent="0.2">
      <c r="A8" s="246"/>
      <c r="B8" s="32" t="s">
        <v>37</v>
      </c>
      <c r="C8" s="32" t="s">
        <v>38</v>
      </c>
      <c r="D8" s="32" t="s">
        <v>76</v>
      </c>
      <c r="E8" s="32" t="s">
        <v>39</v>
      </c>
      <c r="F8" s="32" t="s">
        <v>40</v>
      </c>
      <c r="G8" s="32" t="s">
        <v>41</v>
      </c>
      <c r="H8" s="246"/>
      <c r="I8" s="248"/>
    </row>
    <row r="9" spans="1:12" s="2" customFormat="1" ht="20.25" customHeight="1" x14ac:dyDescent="0.3">
      <c r="A9" s="33"/>
      <c r="B9" s="33" t="s">
        <v>77</v>
      </c>
      <c r="C9" s="34"/>
      <c r="D9" s="34"/>
      <c r="E9" s="34"/>
      <c r="F9" s="34"/>
      <c r="G9" s="34"/>
      <c r="H9" s="35"/>
      <c r="I9"/>
      <c r="J9" s="16"/>
      <c r="K9"/>
      <c r="L9"/>
    </row>
    <row r="10" spans="1:12" ht="19.5" customHeight="1" x14ac:dyDescent="0.2">
      <c r="A10" s="254">
        <f>+'Por Objeto de Gasto'!E10</f>
        <v>891920063924</v>
      </c>
      <c r="B10" s="94">
        <v>67669930582</v>
      </c>
      <c r="C10" s="94">
        <v>67736332429</v>
      </c>
      <c r="D10" s="94">
        <v>69684942211</v>
      </c>
      <c r="E10" s="94">
        <v>68876331610</v>
      </c>
      <c r="F10" s="94">
        <v>69107739315</v>
      </c>
      <c r="G10" s="94">
        <v>69001060416</v>
      </c>
      <c r="H10" s="249">
        <f>+B10+C10+D10+E10+F10+G10+B11+C11+D11+E11+F11+G11</f>
        <v>699446280859</v>
      </c>
      <c r="I10" s="251">
        <f>+A10-H10</f>
        <v>192473783065</v>
      </c>
      <c r="J10" s="36"/>
      <c r="K10" s="36"/>
    </row>
    <row r="11" spans="1:12" ht="19.5" customHeight="1" x14ac:dyDescent="0.2">
      <c r="A11" s="255"/>
      <c r="B11" s="94">
        <v>70293248842</v>
      </c>
      <c r="C11" s="94">
        <v>70729014658</v>
      </c>
      <c r="D11" s="94">
        <v>72999510794</v>
      </c>
      <c r="E11" s="94">
        <v>73348170002</v>
      </c>
      <c r="F11" s="94">
        <v>0</v>
      </c>
      <c r="G11" s="94">
        <v>0</v>
      </c>
      <c r="H11" s="250"/>
      <c r="I11" s="252"/>
      <c r="J11" s="36">
        <f>+H10-'Por Objeto de Gasto'!F10</f>
        <v>0</v>
      </c>
    </row>
    <row r="12" spans="1:12" s="37" customFormat="1" ht="20.25" customHeight="1" x14ac:dyDescent="0.3">
      <c r="B12" s="253" t="s">
        <v>78</v>
      </c>
      <c r="C12" s="253"/>
      <c r="D12" s="253"/>
      <c r="E12" s="253"/>
      <c r="F12" s="253"/>
      <c r="G12" s="253"/>
      <c r="H12" s="253"/>
      <c r="I12" s="253"/>
      <c r="J12"/>
    </row>
    <row r="13" spans="1:12" ht="19.5" customHeight="1" x14ac:dyDescent="0.2">
      <c r="A13" s="251">
        <f>+'Por Objeto de Gasto'!E11</f>
        <v>54841481200</v>
      </c>
      <c r="B13" s="38">
        <v>3932665100</v>
      </c>
      <c r="C13" s="94">
        <v>3965377600</v>
      </c>
      <c r="D13" s="94">
        <v>4182240100</v>
      </c>
      <c r="E13" s="94">
        <v>4131252600</v>
      </c>
      <c r="F13" s="94">
        <v>4118221350</v>
      </c>
      <c r="G13" s="94">
        <v>4121084267</v>
      </c>
      <c r="H13" s="251">
        <f>G13+B14+C14+D14+E14+F14+G14+B13+C13+D13+E13+F13</f>
        <v>40793576417</v>
      </c>
      <c r="I13" s="251">
        <f>+A13-H13</f>
        <v>14047904783</v>
      </c>
      <c r="J13" s="36"/>
      <c r="K13" s="36"/>
    </row>
    <row r="14" spans="1:12" ht="19.5" customHeight="1" x14ac:dyDescent="0.2">
      <c r="A14" s="252"/>
      <c r="B14" s="94">
        <v>4110002600</v>
      </c>
      <c r="C14" s="94">
        <v>4074115100</v>
      </c>
      <c r="D14" s="94">
        <v>4097515100</v>
      </c>
      <c r="E14" s="94">
        <v>4061102600</v>
      </c>
      <c r="F14" s="94"/>
      <c r="G14" s="94">
        <v>0</v>
      </c>
      <c r="H14" s="252"/>
      <c r="I14" s="252"/>
      <c r="J14" s="36">
        <f>+H13-'Por Objeto de Gasto'!F11</f>
        <v>0</v>
      </c>
      <c r="K14" s="37"/>
    </row>
    <row r="15" spans="1:12" ht="19.5" customHeight="1" x14ac:dyDescent="0.2">
      <c r="A15" s="55"/>
      <c r="B15" s="55"/>
      <c r="C15" s="55"/>
      <c r="D15" s="55"/>
      <c r="E15" s="55"/>
      <c r="F15" s="55"/>
      <c r="G15" s="55"/>
      <c r="H15" s="55"/>
      <c r="I15" s="56"/>
      <c r="J15" s="36"/>
    </row>
    <row r="16" spans="1:12" x14ac:dyDescent="0.2">
      <c r="A16" s="55"/>
      <c r="B16" s="55"/>
      <c r="C16" s="55"/>
      <c r="D16" s="55"/>
      <c r="E16" s="55"/>
      <c r="F16" s="55"/>
      <c r="G16" s="55"/>
      <c r="H16" s="56"/>
      <c r="I16" s="56"/>
      <c r="J16"/>
      <c r="K16" s="37"/>
    </row>
    <row r="17" spans="1:9" x14ac:dyDescent="0.2">
      <c r="A17" s="57"/>
      <c r="B17" s="55"/>
      <c r="C17" s="55"/>
      <c r="D17" s="55"/>
      <c r="E17" s="55"/>
      <c r="F17" s="55"/>
      <c r="G17" s="55"/>
      <c r="H17" s="56"/>
      <c r="I17" s="56"/>
    </row>
    <row r="18" spans="1:9" x14ac:dyDescent="0.2">
      <c r="A18" s="55"/>
      <c r="B18" s="55"/>
      <c r="C18" s="55"/>
      <c r="D18" s="55"/>
      <c r="E18" s="55"/>
      <c r="F18" s="55"/>
      <c r="G18" s="55"/>
      <c r="H18" s="56"/>
      <c r="I18" s="56"/>
    </row>
  </sheetData>
  <mergeCells count="12">
    <mergeCell ref="H10:H11"/>
    <mergeCell ref="I10:I11"/>
    <mergeCell ref="B12:I12"/>
    <mergeCell ref="A13:A14"/>
    <mergeCell ref="H13:H14"/>
    <mergeCell ref="I13:I14"/>
    <mergeCell ref="A10:A11"/>
    <mergeCell ref="B4:H4"/>
    <mergeCell ref="B5:H5"/>
    <mergeCell ref="A7:A8"/>
    <mergeCell ref="H7:H8"/>
    <mergeCell ref="I7:I8"/>
  </mergeCells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7</vt:i4>
      </vt:variant>
    </vt:vector>
  </HeadingPairs>
  <TitlesOfParts>
    <vt:vector size="12" baseType="lpstr">
      <vt:lpstr>Ingresos</vt:lpstr>
      <vt:lpstr>GRUPO DE GASTOS</vt:lpstr>
      <vt:lpstr>Por Prog-Subpr</vt:lpstr>
      <vt:lpstr>Por Objeto de Gasto</vt:lpstr>
      <vt:lpstr>Anexo del Personal</vt:lpstr>
      <vt:lpstr>'Anexo del Personal'!Área_de_impresión</vt:lpstr>
      <vt:lpstr>'GRUPO DE GASTOS'!Área_de_impresión</vt:lpstr>
      <vt:lpstr>Ingresos!Área_de_impresión</vt:lpstr>
      <vt:lpstr>'Por Objeto de Gasto'!Área_de_impresión</vt:lpstr>
      <vt:lpstr>'Por Prog-Subpr'!Área_de_impresión</vt:lpstr>
      <vt:lpstr>Ingresos!Títulos_a_imprimir</vt:lpstr>
      <vt:lpstr>'Por Objeto de Gasto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Rodrigo Manuel Guerrero Britez</cp:lastModifiedBy>
  <cp:lastPrinted>2025-11-07T10:46:20Z</cp:lastPrinted>
  <dcterms:created xsi:type="dcterms:W3CDTF">2006-11-29T12:51:21Z</dcterms:created>
  <dcterms:modified xsi:type="dcterms:W3CDTF">2025-11-07T10:46:36Z</dcterms:modified>
</cp:coreProperties>
</file>